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169\2021_03人口・労働統計課\01人口\02_人口統計\02_年報\R3年報\06_ホームページ用\"/>
    </mc:Choice>
  </mc:AlternateContent>
  <bookViews>
    <workbookView xWindow="0" yWindow="0" windowWidth="28800" windowHeight="12885"/>
  </bookViews>
  <sheets>
    <sheet name="第1表" sheetId="1" r:id="rId1"/>
  </sheets>
  <externalReferences>
    <externalReference r:id="rId2"/>
  </externalReferences>
  <definedNames>
    <definedName name="_Key1" localSheetId="0" hidden="1">#REF!</definedName>
    <definedName name="_Key1" hidden="1">#REF!</definedName>
    <definedName name="_Order1" hidden="1">255</definedName>
    <definedName name="_Sort" localSheetId="0" hidden="1">#REF!</definedName>
    <definedName name="_Sort" hidden="1">#REF!</definedName>
    <definedName name="_xlnm.Print_Area" localSheetId="0">第1表!$A$1:$L$86</definedName>
    <definedName name="月報">"グラフ 1"</definedName>
    <definedName name="市名">[1]様式1!$X$6:$X$9</definedName>
    <definedName name="第１表2011年10月分">#REF!</definedName>
    <definedName name="第１表2011年11月分">#REF!</definedName>
    <definedName name="第１表2011年１月分">#REF!</definedName>
    <definedName name="第１表2011年２月分">#REF!</definedName>
    <definedName name="第１表2011年３月分">#REF!</definedName>
    <definedName name="第１表2011年４月分">#REF!</definedName>
    <definedName name="第１表2011年５月分">#REF!</definedName>
    <definedName name="第１表2011年６月分">#REF!</definedName>
    <definedName name="第１表2011年７月分">#REF!</definedName>
    <definedName name="第１表2011年８月分">#REF!</definedName>
    <definedName name="第１表2011年９月分">#REF!</definedName>
    <definedName name="第５表の１2011年10月分">#REF!</definedName>
    <definedName name="第５表の１2011年11月分">#REF!</definedName>
    <definedName name="第５表の１2011年12月分">#REF!</definedName>
    <definedName name="第５表の１2011年１月分">#REF!</definedName>
    <definedName name="第５表の１2011年２月分">#REF!</definedName>
    <definedName name="第５表の１2011年３月分">#REF!</definedName>
    <definedName name="第５表の１2011年４月分">#REF!</definedName>
    <definedName name="第５表の１2011年５月分">#REF!</definedName>
    <definedName name="第５表の１2011年６月分">#REF!</definedName>
    <definedName name="第５表の１2011年７月分">#REF!</definedName>
    <definedName name="第５表の１2011年８月分">#REF!</definedName>
    <definedName name="第５表の１2011年９月分">#REF!</definedName>
    <definedName name="第５表の２2011年10月分">#REF!</definedName>
    <definedName name="第５表の２2011年11月分">#REF!</definedName>
    <definedName name="第５表の２2011年12月分">#REF!</definedName>
    <definedName name="第５表の２2011年１月分">#REF!</definedName>
    <definedName name="第５表の２2011年２月分">#REF!</definedName>
    <definedName name="第５表の２2011年３月分">#REF!</definedName>
    <definedName name="第５表の２2011年４月分">#REF!</definedName>
    <definedName name="第５表の２2011年５月分">#REF!</definedName>
    <definedName name="第５表の２2011年６月分">#REF!</definedName>
    <definedName name="第５表の２2011年７月分">#REF!</definedName>
    <definedName name="第５表の２2011年８月分">#REF!</definedName>
    <definedName name="第５表の２2011年９月分">#REF!</definedName>
    <definedName name="平成23年１月">#REF!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5" uniqueCount="33">
  <si>
    <t>年次別人口・人口増減及び世帯数</t>
    <rPh sb="0" eb="3">
      <t>ネンジベツ</t>
    </rPh>
    <rPh sb="3" eb="5">
      <t>ジンコウ</t>
    </rPh>
    <rPh sb="6" eb="8">
      <t>ジンコウ</t>
    </rPh>
    <rPh sb="8" eb="10">
      <t>ゾウゲン</t>
    </rPh>
    <rPh sb="10" eb="11">
      <t>オヨ</t>
    </rPh>
    <rPh sb="12" eb="15">
      <t>セタイスウ</t>
    </rPh>
    <phoneticPr fontId="2"/>
  </si>
  <si>
    <t>第１表</t>
    <rPh sb="0" eb="1">
      <t>ダイ</t>
    </rPh>
    <rPh sb="2" eb="3">
      <t>ヒョウ</t>
    </rPh>
    <phoneticPr fontId="2"/>
  </si>
  <si>
    <t>年次</t>
    <rPh sb="0" eb="2">
      <t>ネンジ</t>
    </rPh>
    <phoneticPr fontId="2"/>
  </si>
  <si>
    <t>人口</t>
    <rPh sb="0" eb="2">
      <t>ジンコウ</t>
    </rPh>
    <phoneticPr fontId="2"/>
  </si>
  <si>
    <t>年　　間
人口増減</t>
    <rPh sb="0" eb="1">
      <t>トシ</t>
    </rPh>
    <rPh sb="3" eb="4">
      <t>アイダ</t>
    </rPh>
    <rPh sb="5" eb="9">
      <t>ジンコウゾウゲン</t>
    </rPh>
    <phoneticPr fontId="2"/>
  </si>
  <si>
    <t>世帯数</t>
    <rPh sb="0" eb="3">
      <t>セタイスウ</t>
    </rPh>
    <phoneticPr fontId="2"/>
  </si>
  <si>
    <t>１世帯
当たり
人　員</t>
    <rPh sb="1" eb="3">
      <t>セタイ</t>
    </rPh>
    <rPh sb="4" eb="5">
      <t>ア</t>
    </rPh>
    <rPh sb="8" eb="9">
      <t>ニン</t>
    </rPh>
    <rPh sb="10" eb="11">
      <t>イン</t>
    </rPh>
    <phoneticPr fontId="2"/>
  </si>
  <si>
    <t>自然増減</t>
    <rPh sb="0" eb="4">
      <t>シゼンゾウゲン</t>
    </rPh>
    <phoneticPr fontId="2"/>
  </si>
  <si>
    <t>社会増減</t>
    <rPh sb="0" eb="4">
      <t>シャカイゾウゲン</t>
    </rPh>
    <phoneticPr fontId="2"/>
  </si>
  <si>
    <t>増減率</t>
    <rPh sb="0" eb="3">
      <t>ゾウゲンリツ</t>
    </rPh>
    <phoneticPr fontId="2"/>
  </si>
  <si>
    <t>人</t>
    <rPh sb="0" eb="1">
      <t>ヒト</t>
    </rPh>
    <phoneticPr fontId="2"/>
  </si>
  <si>
    <t>％</t>
    <phoneticPr fontId="2"/>
  </si>
  <si>
    <t>世帯</t>
    <rPh sb="0" eb="2">
      <t>セタイ</t>
    </rPh>
    <phoneticPr fontId="2"/>
  </si>
  <si>
    <t>33(1958)</t>
  </si>
  <si>
    <t>－</t>
  </si>
  <si>
    <t>令和4年</t>
  </si>
  <si>
    <t>2(2020)</t>
  </si>
  <si>
    <t>平成31・元</t>
  </si>
  <si>
    <t>27(2015)</t>
  </si>
  <si>
    <t>22(2010)</t>
  </si>
  <si>
    <t>17(2005)</t>
  </si>
  <si>
    <t>12(2000)</t>
  </si>
  <si>
    <t>7(1995)</t>
  </si>
  <si>
    <t>2(1990)</t>
  </si>
  <si>
    <t>元</t>
  </si>
  <si>
    <t>昭和63年</t>
  </si>
  <si>
    <t>60(1985)</t>
  </si>
  <si>
    <t>55(1980)</t>
  </si>
  <si>
    <t>50(1975)</t>
  </si>
  <si>
    <t>45(1970)</t>
  </si>
  <si>
    <t>(注)人口・世帯数及び1世帯当たり人員は各年１月１日現在。他は年間の増減数。</t>
    <rPh sb="1" eb="2">
      <t>チュウ</t>
    </rPh>
    <rPh sb="3" eb="5">
      <t>ジンコウ</t>
    </rPh>
    <rPh sb="6" eb="9">
      <t>セタイスウ</t>
    </rPh>
    <rPh sb="9" eb="10">
      <t>オヨ</t>
    </rPh>
    <rPh sb="12" eb="14">
      <t>セタイ</t>
    </rPh>
    <rPh sb="14" eb="15">
      <t>ア</t>
    </rPh>
    <rPh sb="17" eb="19">
      <t>ジンイン</t>
    </rPh>
    <rPh sb="20" eb="22">
      <t>カクネン</t>
    </rPh>
    <rPh sb="23" eb="24">
      <t>ツキ</t>
    </rPh>
    <rPh sb="25" eb="26">
      <t>ヒ</t>
    </rPh>
    <rPh sb="26" eb="28">
      <t>ゲンザイ</t>
    </rPh>
    <rPh sb="29" eb="30">
      <t>ホカ</t>
    </rPh>
    <rPh sb="31" eb="33">
      <t>ネンカン</t>
    </rPh>
    <rPh sb="34" eb="36">
      <t>ゾウゲン</t>
    </rPh>
    <rPh sb="36" eb="37">
      <t>スウ</t>
    </rPh>
    <phoneticPr fontId="2"/>
  </si>
  <si>
    <t>40(1965)</t>
  </si>
  <si>
    <t>35(1960)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76" formatCode="#,##0_ "/>
    <numFmt numFmtId="177" formatCode="0.00_ ;\-0.00\ "/>
    <numFmt numFmtId="178" formatCode="#,##0.00_ "/>
  </numFmts>
  <fonts count="9" x14ac:knownFonts="1">
    <font>
      <sz val="12"/>
      <color theme="1"/>
      <name val="ＭＳ 明朝"/>
      <family val="2"/>
      <charset val="128"/>
    </font>
    <font>
      <sz val="12"/>
      <color theme="1"/>
      <name val="HGPｺﾞｼｯｸM"/>
      <family val="3"/>
      <charset val="128"/>
    </font>
    <font>
      <sz val="6"/>
      <name val="ＭＳ 明朝"/>
      <family val="2"/>
      <charset val="128"/>
    </font>
    <font>
      <sz val="8"/>
      <color theme="1"/>
      <name val="HGPｺﾞｼｯｸM"/>
      <family val="3"/>
      <charset val="128"/>
    </font>
    <font>
      <b/>
      <sz val="8"/>
      <color theme="0"/>
      <name val="HGPｺﾞｼｯｸM"/>
      <family val="3"/>
      <charset val="128"/>
    </font>
    <font>
      <sz val="8"/>
      <color theme="0"/>
      <name val="HGPｺﾞｼｯｸM"/>
      <family val="3"/>
      <charset val="128"/>
    </font>
    <font>
      <sz val="8"/>
      <name val="HGPｺﾞｼｯｸM"/>
      <family val="3"/>
      <charset val="128"/>
    </font>
    <font>
      <b/>
      <sz val="8"/>
      <color theme="1"/>
      <name val="HGPｺﾞｼｯｸM"/>
      <family val="3"/>
      <charset val="128"/>
    </font>
    <font>
      <sz val="6"/>
      <color theme="1"/>
      <name val="HGPｺﾞｼｯｸM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5" tint="-0.499984740745262"/>
        <bgColor indexed="64"/>
      </patternFill>
    </fill>
    <fill>
      <patternFill patternType="solid">
        <fgColor theme="5" tint="0.59999389629810485"/>
        <bgColor indexed="64"/>
      </patternFill>
    </fill>
  </fills>
  <borders count="24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95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0" xfId="0" applyFont="1" applyAlignment="1">
      <alignment horizontal="right" vertical="center"/>
    </xf>
    <xf numFmtId="0" fontId="3" fillId="0" borderId="2" xfId="0" applyFont="1" applyBorder="1" applyAlignment="1">
      <alignment horizontal="left" vertical="center" wrapText="1"/>
    </xf>
    <xf numFmtId="0" fontId="3" fillId="0" borderId="5" xfId="0" applyFont="1" applyBorder="1" applyAlignment="1">
      <alignment horizontal="left" vertical="center" wrapText="1"/>
    </xf>
    <xf numFmtId="0" fontId="3" fillId="0" borderId="10" xfId="0" applyFont="1" applyBorder="1" applyAlignment="1">
      <alignment horizontal="center" vertical="center" wrapText="1"/>
    </xf>
    <xf numFmtId="0" fontId="3" fillId="0" borderId="12" xfId="0" applyFont="1" applyBorder="1" applyAlignment="1">
      <alignment horizontal="center" vertical="center"/>
    </xf>
    <xf numFmtId="0" fontId="3" fillId="0" borderId="16" xfId="0" applyFont="1" applyBorder="1" applyAlignment="1">
      <alignment horizontal="center" vertical="center"/>
    </xf>
    <xf numFmtId="0" fontId="3" fillId="0" borderId="7" xfId="0" applyFont="1" applyBorder="1">
      <alignment vertical="center"/>
    </xf>
    <xf numFmtId="0" fontId="3" fillId="0" borderId="19" xfId="0" applyFont="1" applyBorder="1">
      <alignment vertical="center"/>
    </xf>
    <xf numFmtId="0" fontId="3" fillId="0" borderId="0" xfId="0" applyFont="1" applyBorder="1" applyAlignment="1">
      <alignment horizontal="right" vertical="center"/>
    </xf>
    <xf numFmtId="0" fontId="3" fillId="0" borderId="8" xfId="0" applyFont="1" applyBorder="1" applyAlignment="1">
      <alignment horizontal="right" vertical="center"/>
    </xf>
    <xf numFmtId="0" fontId="3" fillId="0" borderId="11" xfId="0" applyFont="1" applyBorder="1" applyAlignment="1">
      <alignment horizontal="right" vertical="center"/>
    </xf>
    <xf numFmtId="0" fontId="3" fillId="0" borderId="13" xfId="0" applyFont="1" applyBorder="1" applyAlignment="1">
      <alignment horizontal="right" vertical="center"/>
    </xf>
    <xf numFmtId="0" fontId="4" fillId="2" borderId="7" xfId="0" applyFont="1" applyFill="1" applyBorder="1" applyAlignment="1">
      <alignment horizontal="distributed" vertical="center"/>
    </xf>
    <xf numFmtId="0" fontId="5" fillId="2" borderId="0" xfId="0" applyFont="1" applyFill="1" applyBorder="1" applyAlignment="1">
      <alignment horizontal="distributed" vertical="center"/>
    </xf>
    <xf numFmtId="0" fontId="5" fillId="2" borderId="0" xfId="0" applyFont="1" applyFill="1" applyBorder="1">
      <alignment vertical="center"/>
    </xf>
    <xf numFmtId="176" fontId="5" fillId="2" borderId="8" xfId="0" applyNumberFormat="1" applyFont="1" applyFill="1" applyBorder="1">
      <alignment vertical="center"/>
    </xf>
    <xf numFmtId="176" fontId="5" fillId="2" borderId="8" xfId="0" applyNumberFormat="1" applyFont="1" applyFill="1" applyBorder="1" applyAlignment="1">
      <alignment horizontal="center" vertical="center"/>
    </xf>
    <xf numFmtId="177" fontId="5" fillId="2" borderId="8" xfId="0" applyNumberFormat="1" applyFont="1" applyFill="1" applyBorder="1" applyAlignment="1">
      <alignment horizontal="center" vertical="center"/>
    </xf>
    <xf numFmtId="176" fontId="5" fillId="2" borderId="0" xfId="0" applyNumberFormat="1" applyFont="1" applyFill="1" applyBorder="1">
      <alignment vertical="center"/>
    </xf>
    <xf numFmtId="178" fontId="5" fillId="2" borderId="13" xfId="0" applyNumberFormat="1" applyFont="1" applyFill="1" applyBorder="1">
      <alignment vertical="center"/>
    </xf>
    <xf numFmtId="0" fontId="4" fillId="0" borderId="7" xfId="0" applyFont="1" applyFill="1" applyBorder="1" applyAlignment="1">
      <alignment horizontal="distributed" vertical="center"/>
    </xf>
    <xf numFmtId="0" fontId="6" fillId="0" borderId="0" xfId="0" applyFont="1" applyFill="1" applyBorder="1" applyAlignment="1">
      <alignment horizontal="distributed" vertical="center"/>
    </xf>
    <xf numFmtId="0" fontId="5" fillId="0" borderId="0" xfId="0" applyFont="1" applyFill="1" applyBorder="1">
      <alignment vertical="center"/>
    </xf>
    <xf numFmtId="176" fontId="6" fillId="0" borderId="8" xfId="0" applyNumberFormat="1" applyFont="1" applyFill="1" applyBorder="1" applyAlignment="1">
      <alignment horizontal="right" vertical="center"/>
    </xf>
    <xf numFmtId="177" fontId="6" fillId="0" borderId="8" xfId="0" applyNumberFormat="1" applyFont="1" applyFill="1" applyBorder="1" applyAlignment="1">
      <alignment horizontal="right" vertical="center"/>
    </xf>
    <xf numFmtId="176" fontId="6" fillId="0" borderId="0" xfId="0" applyNumberFormat="1" applyFont="1" applyFill="1" applyBorder="1" applyAlignment="1">
      <alignment horizontal="right" vertical="center"/>
    </xf>
    <xf numFmtId="178" fontId="6" fillId="0" borderId="13" xfId="0" applyNumberFormat="1" applyFont="1" applyFill="1" applyBorder="1" applyAlignment="1">
      <alignment horizontal="right" vertical="center"/>
    </xf>
    <xf numFmtId="0" fontId="3" fillId="0" borderId="0" xfId="0" applyFont="1" applyFill="1">
      <alignment vertical="center"/>
    </xf>
    <xf numFmtId="0" fontId="0" fillId="0" borderId="0" xfId="0" applyFill="1">
      <alignment vertical="center"/>
    </xf>
    <xf numFmtId="0" fontId="7" fillId="0" borderId="7" xfId="0" applyFont="1" applyFill="1" applyBorder="1" applyAlignment="1">
      <alignment horizontal="distributed" vertical="center"/>
    </xf>
    <xf numFmtId="0" fontId="3" fillId="0" borderId="0" xfId="0" applyFont="1" applyFill="1" applyBorder="1">
      <alignment vertical="center"/>
    </xf>
    <xf numFmtId="176" fontId="3" fillId="0" borderId="8" xfId="0" applyNumberFormat="1" applyFont="1" applyFill="1" applyBorder="1" applyAlignment="1">
      <alignment horizontal="right" vertical="center"/>
    </xf>
    <xf numFmtId="177" fontId="3" fillId="0" borderId="8" xfId="0" applyNumberFormat="1" applyFont="1" applyFill="1" applyBorder="1" applyAlignment="1">
      <alignment horizontal="right" vertical="center"/>
    </xf>
    <xf numFmtId="176" fontId="3" fillId="0" borderId="0" xfId="0" applyNumberFormat="1" applyFont="1" applyFill="1" applyBorder="1" applyAlignment="1">
      <alignment horizontal="right" vertical="center"/>
    </xf>
    <xf numFmtId="178" fontId="3" fillId="0" borderId="13" xfId="0" applyNumberFormat="1" applyFont="1" applyFill="1" applyBorder="1" applyAlignment="1">
      <alignment horizontal="right" vertical="center"/>
    </xf>
    <xf numFmtId="0" fontId="3" fillId="0" borderId="7" xfId="0" applyFont="1" applyBorder="1" applyAlignment="1">
      <alignment horizontal="distributed" vertical="center"/>
    </xf>
    <xf numFmtId="0" fontId="6" fillId="0" borderId="0" xfId="0" applyFont="1" applyBorder="1" applyAlignment="1">
      <alignment horizontal="distributed" vertical="center"/>
    </xf>
    <xf numFmtId="0" fontId="3" fillId="0" borderId="0" xfId="0" applyFont="1" applyBorder="1">
      <alignment vertical="center"/>
    </xf>
    <xf numFmtId="176" fontId="3" fillId="0" borderId="8" xfId="0" applyNumberFormat="1" applyFont="1" applyBorder="1" applyAlignment="1">
      <alignment horizontal="right" vertical="center"/>
    </xf>
    <xf numFmtId="177" fontId="3" fillId="0" borderId="8" xfId="0" applyNumberFormat="1" applyFont="1" applyBorder="1" applyAlignment="1">
      <alignment horizontal="right" vertical="center"/>
    </xf>
    <xf numFmtId="176" fontId="3" fillId="0" borderId="0" xfId="0" applyNumberFormat="1" applyFont="1" applyBorder="1" applyAlignment="1">
      <alignment horizontal="right" vertical="center"/>
    </xf>
    <xf numFmtId="178" fontId="3" fillId="0" borderId="13" xfId="0" applyNumberFormat="1" applyFont="1" applyBorder="1" applyAlignment="1">
      <alignment horizontal="right" vertical="center"/>
    </xf>
    <xf numFmtId="0" fontId="7" fillId="3" borderId="7" xfId="0" applyFont="1" applyFill="1" applyBorder="1" applyAlignment="1">
      <alignment horizontal="distributed" vertical="center"/>
    </xf>
    <xf numFmtId="0" fontId="6" fillId="3" borderId="0" xfId="0" applyFont="1" applyFill="1" applyBorder="1" applyAlignment="1">
      <alignment horizontal="distributed" vertical="center"/>
    </xf>
    <xf numFmtId="0" fontId="3" fillId="3" borderId="0" xfId="0" applyFont="1" applyFill="1" applyBorder="1">
      <alignment vertical="center"/>
    </xf>
    <xf numFmtId="176" fontId="3" fillId="3" borderId="8" xfId="0" applyNumberFormat="1" applyFont="1" applyFill="1" applyBorder="1" applyAlignment="1">
      <alignment horizontal="right" vertical="center"/>
    </xf>
    <xf numFmtId="177" fontId="3" fillId="3" borderId="8" xfId="0" applyNumberFormat="1" applyFont="1" applyFill="1" applyBorder="1" applyAlignment="1">
      <alignment horizontal="right" vertical="center"/>
    </xf>
    <xf numFmtId="176" fontId="3" fillId="3" borderId="0" xfId="0" applyNumberFormat="1" applyFont="1" applyFill="1" applyBorder="1" applyAlignment="1">
      <alignment horizontal="right" vertical="center"/>
    </xf>
    <xf numFmtId="178" fontId="3" fillId="3" borderId="13" xfId="0" applyNumberFormat="1" applyFont="1" applyFill="1" applyBorder="1" applyAlignment="1">
      <alignment horizontal="right" vertical="center"/>
    </xf>
    <xf numFmtId="0" fontId="3" fillId="0" borderId="20" xfId="0" applyFont="1" applyBorder="1">
      <alignment vertical="center"/>
    </xf>
    <xf numFmtId="0" fontId="3" fillId="0" borderId="21" xfId="0" applyFont="1" applyBorder="1">
      <alignment vertical="center"/>
    </xf>
    <xf numFmtId="176" fontId="3" fillId="0" borderId="22" xfId="0" applyNumberFormat="1" applyFont="1" applyBorder="1" applyAlignment="1">
      <alignment horizontal="right" vertical="center"/>
    </xf>
    <xf numFmtId="178" fontId="3" fillId="0" borderId="22" xfId="0" applyNumberFormat="1" applyFont="1" applyBorder="1" applyAlignment="1">
      <alignment horizontal="right" vertical="center"/>
    </xf>
    <xf numFmtId="176" fontId="3" fillId="0" borderId="21" xfId="0" applyNumberFormat="1" applyFont="1" applyBorder="1" applyAlignment="1">
      <alignment horizontal="right" vertical="center"/>
    </xf>
    <xf numFmtId="178" fontId="3" fillId="0" borderId="23" xfId="0" applyNumberFormat="1" applyFont="1" applyBorder="1" applyAlignment="1">
      <alignment horizontal="right" vertical="center"/>
    </xf>
    <xf numFmtId="176" fontId="6" fillId="3" borderId="8" xfId="0" applyNumberFormat="1" applyFont="1" applyFill="1" applyBorder="1" applyAlignment="1">
      <alignment horizontal="center" vertical="center"/>
    </xf>
    <xf numFmtId="176" fontId="6" fillId="3" borderId="13" xfId="0" applyNumberFormat="1" applyFont="1" applyFill="1" applyBorder="1" applyAlignment="1">
      <alignment horizontal="center" vertical="center"/>
    </xf>
    <xf numFmtId="176" fontId="6" fillId="0" borderId="8" xfId="0" applyNumberFormat="1" applyFont="1" applyFill="1" applyBorder="1" applyAlignment="1">
      <alignment horizontal="center" vertical="center"/>
    </xf>
    <xf numFmtId="176" fontId="6" fillId="0" borderId="13" xfId="0" applyNumberFormat="1" applyFont="1" applyFill="1" applyBorder="1" applyAlignment="1">
      <alignment horizontal="center" vertical="center"/>
    </xf>
    <xf numFmtId="0" fontId="3" fillId="0" borderId="7" xfId="0" applyFont="1" applyFill="1" applyBorder="1" applyAlignment="1">
      <alignment horizontal="distributed" vertical="center"/>
    </xf>
    <xf numFmtId="0" fontId="3" fillId="3" borderId="7" xfId="0" applyFont="1" applyFill="1" applyBorder="1" applyAlignment="1">
      <alignment horizontal="distributed" vertical="center"/>
    </xf>
    <xf numFmtId="0" fontId="3" fillId="0" borderId="10" xfId="0" applyFont="1" applyFill="1" applyBorder="1">
      <alignment vertical="center"/>
    </xf>
    <xf numFmtId="177" fontId="3" fillId="0" borderId="8" xfId="0" applyNumberFormat="1" applyFont="1" applyFill="1" applyBorder="1" applyAlignment="1">
      <alignment horizontal="center" vertical="center"/>
    </xf>
    <xf numFmtId="176" fontId="3" fillId="0" borderId="8" xfId="0" applyNumberFormat="1" applyFont="1" applyFill="1" applyBorder="1" applyAlignment="1">
      <alignment horizontal="center" vertical="center"/>
    </xf>
    <xf numFmtId="178" fontId="3" fillId="0" borderId="13" xfId="0" applyNumberFormat="1" applyFont="1" applyFill="1" applyBorder="1" applyAlignment="1">
      <alignment horizontal="center" vertical="center"/>
    </xf>
    <xf numFmtId="0" fontId="3" fillId="3" borderId="0" xfId="0" applyFont="1" applyFill="1">
      <alignment vertical="center"/>
    </xf>
    <xf numFmtId="0" fontId="0" fillId="3" borderId="0" xfId="0" applyFill="1">
      <alignment vertical="center"/>
    </xf>
    <xf numFmtId="0" fontId="8" fillId="0" borderId="0" xfId="0" applyFont="1" applyBorder="1" applyAlignment="1">
      <alignment vertical="center"/>
    </xf>
    <xf numFmtId="0" fontId="3" fillId="0" borderId="0" xfId="0" applyFont="1" applyAlignment="1">
      <alignment vertical="center"/>
    </xf>
    <xf numFmtId="0" fontId="0" fillId="0" borderId="0" xfId="0" applyAlignment="1">
      <alignment vertical="center"/>
    </xf>
    <xf numFmtId="0" fontId="3" fillId="0" borderId="2" xfId="0" applyFont="1" applyBorder="1" applyAlignment="1">
      <alignment vertical="center"/>
    </xf>
    <xf numFmtId="0" fontId="1" fillId="0" borderId="0" xfId="0" applyFont="1" applyAlignment="1">
      <alignment horizontal="center" vertical="center"/>
    </xf>
    <xf numFmtId="0" fontId="3" fillId="0" borderId="0" xfId="0" applyFont="1">
      <alignment vertical="center"/>
    </xf>
    <xf numFmtId="0" fontId="3" fillId="0" borderId="1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3" fillId="0" borderId="7" xfId="0" applyFont="1" applyBorder="1" applyAlignment="1">
      <alignment horizontal="center" vertical="center"/>
    </xf>
    <xf numFmtId="0" fontId="3" fillId="0" borderId="0" xfId="0" applyFont="1" applyBorder="1" applyAlignment="1">
      <alignment horizontal="center" vertical="center"/>
    </xf>
    <xf numFmtId="0" fontId="3" fillId="0" borderId="14" xfId="0" applyFont="1" applyBorder="1" applyAlignment="1">
      <alignment horizontal="center" vertical="center"/>
    </xf>
    <xf numFmtId="0" fontId="3" fillId="0" borderId="15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3" fillId="0" borderId="8" xfId="0" applyFont="1" applyBorder="1" applyAlignment="1">
      <alignment horizontal="center" vertical="center"/>
    </xf>
    <xf numFmtId="0" fontId="3" fillId="0" borderId="16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 wrapText="1"/>
    </xf>
    <xf numFmtId="0" fontId="3" fillId="0" borderId="9" xfId="0" applyFont="1" applyBorder="1" applyAlignment="1">
      <alignment horizontal="center" vertical="center" wrapText="1"/>
    </xf>
    <xf numFmtId="0" fontId="3" fillId="0" borderId="17" xfId="0" applyFont="1" applyBorder="1" applyAlignment="1">
      <alignment horizontal="center" vertical="center" wrapText="1"/>
    </xf>
    <xf numFmtId="0" fontId="3" fillId="0" borderId="4" xfId="0" applyFont="1" applyBorder="1" applyAlignment="1">
      <alignment horizontal="center" vertical="center"/>
    </xf>
    <xf numFmtId="0" fontId="3" fillId="0" borderId="9" xfId="0" applyFont="1" applyBorder="1" applyAlignment="1">
      <alignment horizontal="center" vertical="center"/>
    </xf>
    <xf numFmtId="0" fontId="3" fillId="0" borderId="17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 wrapText="1"/>
    </xf>
    <xf numFmtId="0" fontId="3" fillId="0" borderId="13" xfId="0" applyFont="1" applyBorder="1" applyAlignment="1">
      <alignment horizontal="center" vertical="center"/>
    </xf>
    <xf numFmtId="0" fontId="3" fillId="0" borderId="18" xfId="0" applyFont="1" applyBorder="1" applyAlignment="1">
      <alignment horizontal="center" vertical="center"/>
    </xf>
    <xf numFmtId="0" fontId="3" fillId="0" borderId="11" xfId="0" applyFont="1" applyBorder="1" applyAlignment="1">
      <alignment horizontal="center" vertical="center"/>
    </xf>
    <xf numFmtId="0" fontId="3" fillId="0" borderId="12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64501034/Desktop/&#20154;&#21475;&#38598;&#35336;&#12471;&#12473;&#12486;&#12512;(&#20462;&#27491;)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鶴見区"/>
      <sheetName val="神奈川区"/>
      <sheetName val="西区"/>
      <sheetName val="中区"/>
      <sheetName val="南区"/>
      <sheetName val="港南区"/>
      <sheetName val="保土ケ谷区"/>
      <sheetName val="旭区"/>
      <sheetName val="磯子区"/>
      <sheetName val="金沢区"/>
      <sheetName val="港北区"/>
      <sheetName val="緑区"/>
      <sheetName val="青葉区"/>
      <sheetName val="都筑区"/>
      <sheetName val="戸塚区"/>
      <sheetName val="栄区"/>
      <sheetName val="泉区"/>
      <sheetName val="瀬谷区"/>
      <sheetName val="川崎区"/>
      <sheetName val="幸区"/>
      <sheetName val="中原区"/>
      <sheetName val="高津区"/>
      <sheetName val="宮前区"/>
      <sheetName val="多摩区"/>
      <sheetName val="麻生区"/>
      <sheetName val="相模原市緑区"/>
      <sheetName val="相模原市中央区"/>
      <sheetName val="相模原市南区"/>
      <sheetName val="横須賀市"/>
      <sheetName val="平塚市"/>
      <sheetName val="鎌倉市"/>
      <sheetName val="藤沢市"/>
      <sheetName val="小田原市"/>
      <sheetName val="茅ヶ崎市"/>
      <sheetName val="逗子市"/>
      <sheetName val="三浦市"/>
      <sheetName val="秦野市"/>
      <sheetName val="厚木市"/>
      <sheetName val="大和市"/>
      <sheetName val="伊勢原市"/>
      <sheetName val="海老名市"/>
      <sheetName val="座間市"/>
      <sheetName val="南足柄市"/>
      <sheetName val="綾瀬市"/>
      <sheetName val="葉山町"/>
      <sheetName val="寒川町"/>
      <sheetName val="大磯町"/>
      <sheetName val="二宮町"/>
      <sheetName val="中井町"/>
      <sheetName val="大井町"/>
      <sheetName val="松田町"/>
      <sheetName val="山北町"/>
      <sheetName val="開成町"/>
      <sheetName val="箱根町"/>
      <sheetName val="真鶴町"/>
      <sheetName val="湯河原町"/>
      <sheetName val="愛川町"/>
      <sheetName val="清川村"/>
      <sheetName val="県計"/>
      <sheetName val="市部計"/>
      <sheetName val="郡部計"/>
      <sheetName val="横浜市"/>
      <sheetName val="川崎市"/>
      <sheetName val="相模原市"/>
      <sheetName val="中郡"/>
      <sheetName val="足柄上郡"/>
      <sheetName val="足柄下郡"/>
      <sheetName val="愛甲郡"/>
      <sheetName val="横須賀･三浦"/>
      <sheetName val="県央"/>
      <sheetName val="湘南"/>
      <sheetName val="県西"/>
      <sheetName val="様式1"/>
      <sheetName val="様式2"/>
      <sheetName val="月報（記者発表）"/>
      <sheetName val="月報1"/>
      <sheetName val="月報2"/>
      <sheetName val="月報3"/>
      <sheetName val="月報4"/>
      <sheetName val="記者発表添付資料"/>
      <sheetName val="人口と世帯"/>
      <sheetName val="人口異動"/>
      <sheetName val="行政C(人口と世帯)"/>
      <sheetName val="行政C(人口異動)"/>
      <sheetName val="参考資料"/>
      <sheetName val="データ比較用元データ"/>
      <sheetName val="ランキング"/>
      <sheetName val="グラフデータ"/>
      <sheetName val="市区町村面積リスト"/>
      <sheetName val="基本データ"/>
      <sheetName val="システムトップ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02"/>
  <dimension ref="A1:S86"/>
  <sheetViews>
    <sheetView tabSelected="1" view="pageBreakPreview" zoomScaleNormal="100" zoomScaleSheetLayoutView="100" workbookViewId="0">
      <selection sqref="A1:L1"/>
    </sheetView>
  </sheetViews>
  <sheetFormatPr defaultRowHeight="14.25" x14ac:dyDescent="0.15"/>
  <cols>
    <col min="1" max="1" width="1.75" style="1" customWidth="1"/>
    <col min="2" max="2" width="7.625" style="1" customWidth="1"/>
    <col min="3" max="3" width="1.25" style="1" customWidth="1"/>
    <col min="4" max="12" width="7.875" style="1" customWidth="1"/>
    <col min="13" max="19" width="6.875" style="1" customWidth="1"/>
  </cols>
  <sheetData>
    <row r="1" spans="1:19" ht="18.75" customHeight="1" x14ac:dyDescent="0.15">
      <c r="A1" s="73" t="s">
        <v>0</v>
      </c>
      <c r="B1" s="73"/>
      <c r="C1" s="73"/>
      <c r="D1" s="73"/>
      <c r="E1" s="73"/>
      <c r="F1" s="73"/>
      <c r="G1" s="73"/>
      <c r="H1" s="73"/>
      <c r="I1" s="73"/>
      <c r="J1" s="73"/>
      <c r="K1" s="73"/>
      <c r="L1" s="73"/>
    </row>
    <row r="2" spans="1:19" ht="15" customHeight="1" thickBot="1" x14ac:dyDescent="0.2">
      <c r="A2" s="74" t="s">
        <v>1</v>
      </c>
      <c r="B2" s="74"/>
      <c r="C2" s="74"/>
      <c r="K2" s="2"/>
      <c r="L2" s="2"/>
    </row>
    <row r="3" spans="1:19" ht="11.25" customHeight="1" x14ac:dyDescent="0.15">
      <c r="A3" s="75" t="s">
        <v>2</v>
      </c>
      <c r="B3" s="76"/>
      <c r="C3" s="76"/>
      <c r="D3" s="81" t="s">
        <v>3</v>
      </c>
      <c r="E3" s="84" t="s">
        <v>4</v>
      </c>
      <c r="F3" s="3"/>
      <c r="G3" s="3"/>
      <c r="H3" s="3"/>
      <c r="I3" s="3"/>
      <c r="J3" s="4"/>
      <c r="K3" s="87" t="s">
        <v>5</v>
      </c>
      <c r="L3" s="90" t="s">
        <v>6</v>
      </c>
    </row>
    <row r="4" spans="1:19" ht="15" customHeight="1" x14ac:dyDescent="0.15">
      <c r="A4" s="77"/>
      <c r="B4" s="78"/>
      <c r="C4" s="78"/>
      <c r="D4" s="82"/>
      <c r="E4" s="85"/>
      <c r="F4" s="5"/>
      <c r="G4" s="93" t="s">
        <v>7</v>
      </c>
      <c r="H4" s="94"/>
      <c r="I4" s="93" t="s">
        <v>8</v>
      </c>
      <c r="J4" s="94"/>
      <c r="K4" s="88"/>
      <c r="L4" s="91"/>
    </row>
    <row r="5" spans="1:19" ht="15" customHeight="1" x14ac:dyDescent="0.15">
      <c r="A5" s="79"/>
      <c r="B5" s="80"/>
      <c r="C5" s="80"/>
      <c r="D5" s="83"/>
      <c r="E5" s="86"/>
      <c r="F5" s="6" t="s">
        <v>9</v>
      </c>
      <c r="G5" s="7"/>
      <c r="H5" s="7" t="s">
        <v>9</v>
      </c>
      <c r="I5" s="7"/>
      <c r="J5" s="7" t="s">
        <v>9</v>
      </c>
      <c r="K5" s="89"/>
      <c r="L5" s="92"/>
    </row>
    <row r="6" spans="1:19" ht="10.5" customHeight="1" x14ac:dyDescent="0.15">
      <c r="A6" s="8"/>
      <c r="B6" s="9"/>
      <c r="C6" s="10"/>
      <c r="D6" s="11" t="s">
        <v>10</v>
      </c>
      <c r="E6" s="11" t="s">
        <v>10</v>
      </c>
      <c r="F6" s="10" t="s">
        <v>11</v>
      </c>
      <c r="G6" s="11" t="s">
        <v>10</v>
      </c>
      <c r="H6" s="10" t="s">
        <v>11</v>
      </c>
      <c r="I6" s="11" t="s">
        <v>10</v>
      </c>
      <c r="J6" s="12" t="s">
        <v>11</v>
      </c>
      <c r="K6" s="10" t="s">
        <v>12</v>
      </c>
      <c r="L6" s="13" t="s">
        <v>10</v>
      </c>
    </row>
    <row r="7" spans="1:19" ht="11.25" customHeight="1" x14ac:dyDescent="0.15">
      <c r="A7" s="14"/>
      <c r="B7" s="15" t="s">
        <v>15</v>
      </c>
      <c r="C7" s="16"/>
      <c r="D7" s="17">
        <v>9231177</v>
      </c>
      <c r="E7" s="18" t="s">
        <v>14</v>
      </c>
      <c r="F7" s="19" t="s">
        <v>14</v>
      </c>
      <c r="G7" s="18" t="s">
        <v>14</v>
      </c>
      <c r="H7" s="19" t="s">
        <v>14</v>
      </c>
      <c r="I7" s="18" t="s">
        <v>14</v>
      </c>
      <c r="J7" s="19" t="s">
        <v>14</v>
      </c>
      <c r="K7" s="20">
        <v>4266757</v>
      </c>
      <c r="L7" s="21">
        <v>2.1635113037841154</v>
      </c>
    </row>
    <row r="8" spans="1:19" s="30" customFormat="1" ht="11.25" customHeight="1" x14ac:dyDescent="0.15">
      <c r="A8" s="22"/>
      <c r="B8" s="23">
        <v>3</v>
      </c>
      <c r="C8" s="24"/>
      <c r="D8" s="25">
        <v>9236337</v>
      </c>
      <c r="E8" s="25">
        <v>-5160</v>
      </c>
      <c r="F8" s="26">
        <v>-5.5866302842782808E-2</v>
      </c>
      <c r="G8" s="25">
        <v>-29983</v>
      </c>
      <c r="H8" s="26">
        <v>-0.3246200306463482</v>
      </c>
      <c r="I8" s="25">
        <v>24823</v>
      </c>
      <c r="J8" s="26">
        <v>0.26875372780356543</v>
      </c>
      <c r="K8" s="27">
        <v>4228524</v>
      </c>
      <c r="L8" s="28">
        <v>2.1842933846420167</v>
      </c>
      <c r="M8" s="29"/>
      <c r="N8" s="29"/>
      <c r="O8" s="29"/>
      <c r="P8" s="29"/>
      <c r="Q8" s="29"/>
      <c r="R8" s="29"/>
      <c r="S8" s="29"/>
    </row>
    <row r="9" spans="1:19" s="68" customFormat="1" ht="11.25" customHeight="1" x14ac:dyDescent="0.15">
      <c r="A9" s="44"/>
      <c r="B9" s="45" t="s">
        <v>16</v>
      </c>
      <c r="C9" s="46"/>
      <c r="D9" s="47">
        <v>9201825</v>
      </c>
      <c r="E9" s="47">
        <v>34512</v>
      </c>
      <c r="F9" s="48">
        <v>0.37505603507999774</v>
      </c>
      <c r="G9" s="47">
        <v>-22407</v>
      </c>
      <c r="H9" s="48">
        <v>-0.24350604363808265</v>
      </c>
      <c r="I9" s="47">
        <v>56919</v>
      </c>
      <c r="J9" s="48">
        <v>0.61856207871808044</v>
      </c>
      <c r="K9" s="49">
        <v>4170235</v>
      </c>
      <c r="L9" s="50">
        <v>2.2065483120255811</v>
      </c>
      <c r="M9" s="67"/>
      <c r="N9" s="67"/>
      <c r="O9" s="67"/>
      <c r="P9" s="67"/>
      <c r="Q9" s="67"/>
      <c r="R9" s="67"/>
      <c r="S9" s="67"/>
    </row>
    <row r="10" spans="1:19" ht="6" customHeight="1" x14ac:dyDescent="0.15">
      <c r="A10" s="37"/>
      <c r="B10" s="38"/>
      <c r="C10" s="39"/>
      <c r="D10" s="40"/>
      <c r="E10" s="40"/>
      <c r="F10" s="41"/>
      <c r="G10" s="40"/>
      <c r="H10" s="41"/>
      <c r="I10" s="40"/>
      <c r="J10" s="41"/>
      <c r="K10" s="42"/>
      <c r="L10" s="43"/>
    </row>
    <row r="11" spans="1:19" s="30" customFormat="1" ht="11.25" customHeight="1" x14ac:dyDescent="0.15">
      <c r="A11" s="31"/>
      <c r="B11" s="23" t="s">
        <v>17</v>
      </c>
      <c r="C11" s="32"/>
      <c r="D11" s="33">
        <v>9181625</v>
      </c>
      <c r="E11" s="33">
        <v>20200</v>
      </c>
      <c r="F11" s="34">
        <v>0.22000462881025962</v>
      </c>
      <c r="G11" s="33">
        <v>-19600</v>
      </c>
      <c r="H11" s="34">
        <v>-0.21346983785549942</v>
      </c>
      <c r="I11" s="33">
        <v>39800</v>
      </c>
      <c r="J11" s="34">
        <v>0.43347446666575906</v>
      </c>
      <c r="K11" s="35">
        <v>4118341</v>
      </c>
      <c r="L11" s="36">
        <v>2.2294474886853712</v>
      </c>
      <c r="M11" s="29"/>
      <c r="N11" s="29"/>
      <c r="O11" s="29"/>
      <c r="P11" s="29"/>
      <c r="Q11" s="29"/>
      <c r="R11" s="29"/>
      <c r="S11" s="29"/>
    </row>
    <row r="12" spans="1:19" s="30" customFormat="1" ht="11.25" customHeight="1" x14ac:dyDescent="0.15">
      <c r="A12" s="61"/>
      <c r="B12" s="23">
        <v>30</v>
      </c>
      <c r="C12" s="32"/>
      <c r="D12" s="33">
        <v>9163279</v>
      </c>
      <c r="E12" s="33">
        <v>18346</v>
      </c>
      <c r="F12" s="34">
        <v>0.20021217295686403</v>
      </c>
      <c r="G12" s="33">
        <v>-14771</v>
      </c>
      <c r="H12" s="34">
        <v>-0.16119775464656266</v>
      </c>
      <c r="I12" s="33">
        <v>33117</v>
      </c>
      <c r="J12" s="34">
        <v>0.36140992760342666</v>
      </c>
      <c r="K12" s="35">
        <v>4070843</v>
      </c>
      <c r="L12" s="36">
        <v>2.2509536722492123</v>
      </c>
      <c r="M12" s="29"/>
      <c r="N12" s="29"/>
      <c r="O12" s="29"/>
      <c r="P12" s="29"/>
      <c r="Q12" s="29"/>
      <c r="R12" s="29"/>
      <c r="S12" s="29"/>
    </row>
    <row r="13" spans="1:19" s="30" customFormat="1" ht="11.25" customHeight="1" x14ac:dyDescent="0.15">
      <c r="A13" s="61"/>
      <c r="B13" s="23">
        <v>29</v>
      </c>
      <c r="C13" s="32"/>
      <c r="D13" s="33">
        <v>9147400</v>
      </c>
      <c r="E13" s="33">
        <v>15879</v>
      </c>
      <c r="F13" s="34">
        <v>0.17359030981481077</v>
      </c>
      <c r="G13" s="33">
        <v>-11083</v>
      </c>
      <c r="H13" s="34">
        <v>-0.1211601110698122</v>
      </c>
      <c r="I13" s="33">
        <v>26962</v>
      </c>
      <c r="J13" s="34">
        <v>0.29475042088462294</v>
      </c>
      <c r="K13" s="35">
        <v>4026195</v>
      </c>
      <c r="L13" s="36">
        <v>2.2719714271166698</v>
      </c>
      <c r="M13" s="29"/>
      <c r="N13" s="29"/>
      <c r="O13" s="29"/>
      <c r="P13" s="29"/>
      <c r="Q13" s="29"/>
      <c r="R13" s="29"/>
      <c r="S13" s="29"/>
    </row>
    <row r="14" spans="1:19" s="30" customFormat="1" ht="11.25" customHeight="1" x14ac:dyDescent="0.15">
      <c r="A14" s="61"/>
      <c r="B14" s="23">
        <v>28</v>
      </c>
      <c r="C14" s="32"/>
      <c r="D14" s="33">
        <v>9128037</v>
      </c>
      <c r="E14" s="33">
        <v>19363</v>
      </c>
      <c r="F14" s="34">
        <v>0.21212665987221566</v>
      </c>
      <c r="G14" s="33">
        <v>-5354</v>
      </c>
      <c r="H14" s="34">
        <v>-5.8654451115831362E-2</v>
      </c>
      <c r="I14" s="33">
        <v>24717</v>
      </c>
      <c r="J14" s="34">
        <v>0.27078111098804708</v>
      </c>
      <c r="K14" s="35">
        <v>3983551</v>
      </c>
      <c r="L14" s="36">
        <v>2.2914321920316825</v>
      </c>
      <c r="M14" s="29"/>
      <c r="N14" s="29"/>
      <c r="O14" s="29"/>
      <c r="P14" s="29"/>
      <c r="Q14" s="29"/>
      <c r="R14" s="29"/>
      <c r="S14" s="29"/>
    </row>
    <row r="15" spans="1:19" s="68" customFormat="1" ht="11.25" customHeight="1" x14ac:dyDescent="0.15">
      <c r="A15" s="62"/>
      <c r="B15" s="45" t="s">
        <v>18</v>
      </c>
      <c r="C15" s="46"/>
      <c r="D15" s="47">
        <v>9100346</v>
      </c>
      <c r="E15" s="47">
        <v>27691</v>
      </c>
      <c r="F15" s="48">
        <v>0.30428513377403454</v>
      </c>
      <c r="G15" s="47">
        <v>-1492</v>
      </c>
      <c r="H15" s="48">
        <v>-1.6394981025996153E-2</v>
      </c>
      <c r="I15" s="47">
        <v>29183</v>
      </c>
      <c r="J15" s="48">
        <v>0.32068011480003067</v>
      </c>
      <c r="K15" s="49">
        <v>3973785</v>
      </c>
      <c r="L15" s="50">
        <v>2.2900952114923179</v>
      </c>
      <c r="M15" s="67"/>
      <c r="N15" s="67"/>
      <c r="O15" s="67"/>
      <c r="P15" s="67"/>
      <c r="Q15" s="67"/>
      <c r="R15" s="67"/>
      <c r="S15" s="67"/>
    </row>
    <row r="16" spans="1:19" s="30" customFormat="1" ht="6" customHeight="1" x14ac:dyDescent="0.15">
      <c r="A16" s="61"/>
      <c r="B16" s="23"/>
      <c r="C16" s="32"/>
      <c r="D16" s="33"/>
      <c r="E16" s="33"/>
      <c r="F16" s="34"/>
      <c r="G16" s="33"/>
      <c r="H16" s="34"/>
      <c r="I16" s="33"/>
      <c r="J16" s="34"/>
      <c r="K16" s="35"/>
      <c r="L16" s="36"/>
      <c r="M16" s="29"/>
      <c r="N16" s="29"/>
      <c r="O16" s="29"/>
      <c r="P16" s="29"/>
      <c r="Q16" s="29"/>
      <c r="R16" s="29"/>
      <c r="S16" s="29"/>
    </row>
    <row r="17" spans="1:19" s="30" customFormat="1" ht="11.25" customHeight="1" x14ac:dyDescent="0.15">
      <c r="A17" s="31"/>
      <c r="B17" s="23">
        <v>26</v>
      </c>
      <c r="C17" s="32"/>
      <c r="D17" s="33">
        <v>9083839</v>
      </c>
      <c r="E17" s="33">
        <v>16507</v>
      </c>
      <c r="F17" s="34">
        <v>0.181718324157881</v>
      </c>
      <c r="G17" s="33">
        <v>-285</v>
      </c>
      <c r="H17" s="34">
        <v>-3.1374400184767696E-3</v>
      </c>
      <c r="I17" s="33">
        <v>16792</v>
      </c>
      <c r="J17" s="34">
        <v>0.1848557641763576</v>
      </c>
      <c r="K17" s="35">
        <v>3936952</v>
      </c>
      <c r="L17" s="36">
        <v>2.3073278515968698</v>
      </c>
      <c r="M17" s="29"/>
      <c r="N17" s="29"/>
      <c r="O17" s="29"/>
      <c r="P17" s="29"/>
      <c r="Q17" s="29"/>
      <c r="R17" s="29"/>
      <c r="S17" s="29"/>
    </row>
    <row r="18" spans="1:19" s="30" customFormat="1" ht="11.25" customHeight="1" x14ac:dyDescent="0.15">
      <c r="A18" s="61"/>
      <c r="B18" s="23">
        <v>25</v>
      </c>
      <c r="C18" s="32"/>
      <c r="D18" s="33">
        <v>9072533</v>
      </c>
      <c r="E18" s="33">
        <v>11306</v>
      </c>
      <c r="F18" s="34">
        <v>0.12461789888226363</v>
      </c>
      <c r="G18" s="33">
        <v>2111</v>
      </c>
      <c r="H18" s="34">
        <v>2.3268033304480677E-2</v>
      </c>
      <c r="I18" s="33">
        <v>9195</v>
      </c>
      <c r="J18" s="34">
        <v>0.10134986557778297</v>
      </c>
      <c r="K18" s="35">
        <v>3906589</v>
      </c>
      <c r="L18" s="36">
        <v>2.3223669037106283</v>
      </c>
      <c r="M18" s="29"/>
      <c r="N18" s="29"/>
      <c r="O18" s="29"/>
      <c r="P18" s="29"/>
      <c r="Q18" s="29"/>
      <c r="R18" s="29"/>
      <c r="S18" s="29"/>
    </row>
    <row r="19" spans="1:19" s="29" customFormat="1" ht="11.25" customHeight="1" x14ac:dyDescent="0.15">
      <c r="A19" s="61"/>
      <c r="B19" s="23">
        <v>24</v>
      </c>
      <c r="C19" s="32"/>
      <c r="D19" s="33">
        <v>9060257</v>
      </c>
      <c r="E19" s="33">
        <v>12276</v>
      </c>
      <c r="F19" s="34">
        <v>0.13549284529125388</v>
      </c>
      <c r="G19" s="33">
        <v>4625</v>
      </c>
      <c r="H19" s="34">
        <v>5.1047117096126519E-2</v>
      </c>
      <c r="I19" s="33">
        <v>7651</v>
      </c>
      <c r="J19" s="34">
        <v>8.4445728195127356E-2</v>
      </c>
      <c r="K19" s="35">
        <v>3876258</v>
      </c>
      <c r="L19" s="36">
        <v>2.3373720221925374</v>
      </c>
    </row>
    <row r="20" spans="1:19" s="29" customFormat="1" ht="11.25" customHeight="1" x14ac:dyDescent="0.15">
      <c r="A20" s="61"/>
      <c r="B20" s="23">
        <v>23</v>
      </c>
      <c r="C20" s="32"/>
      <c r="D20" s="33">
        <v>9051028</v>
      </c>
      <c r="E20" s="33">
        <v>9229</v>
      </c>
      <c r="F20" s="34">
        <v>0.101966318080112</v>
      </c>
      <c r="G20" s="33">
        <v>5970</v>
      </c>
      <c r="H20" s="34">
        <v>6.5959358428677936E-2</v>
      </c>
      <c r="I20" s="33">
        <v>3259</v>
      </c>
      <c r="J20" s="34">
        <v>3.6006959651434071E-2</v>
      </c>
      <c r="K20" s="35">
        <v>3847543</v>
      </c>
      <c r="L20" s="36">
        <v>2.3524176337990244</v>
      </c>
    </row>
    <row r="21" spans="1:19" s="67" customFormat="1" ht="11.25" customHeight="1" x14ac:dyDescent="0.15">
      <c r="A21" s="62"/>
      <c r="B21" s="45" t="s">
        <v>19</v>
      </c>
      <c r="C21" s="46"/>
      <c r="D21" s="47">
        <v>9008132</v>
      </c>
      <c r="E21" s="47">
        <v>42896</v>
      </c>
      <c r="F21" s="48">
        <v>0.47619195633456529</v>
      </c>
      <c r="G21" s="47">
        <v>11519</v>
      </c>
      <c r="H21" s="48">
        <v>0.127873348214702</v>
      </c>
      <c r="I21" s="47">
        <v>31377</v>
      </c>
      <c r="J21" s="48">
        <v>0.34831860811986326</v>
      </c>
      <c r="K21" s="49">
        <v>3830842</v>
      </c>
      <c r="L21" s="50">
        <v>2.351475733011176</v>
      </c>
    </row>
    <row r="22" spans="1:19" s="29" customFormat="1" ht="6" customHeight="1" x14ac:dyDescent="0.15">
      <c r="A22" s="61"/>
      <c r="B22" s="23"/>
      <c r="C22" s="32"/>
      <c r="D22" s="33"/>
      <c r="E22" s="33"/>
      <c r="F22" s="34"/>
      <c r="G22" s="33"/>
      <c r="H22" s="34"/>
      <c r="I22" s="33"/>
      <c r="J22" s="34"/>
      <c r="K22" s="35"/>
      <c r="L22" s="36"/>
    </row>
    <row r="23" spans="1:19" s="29" customFormat="1" ht="11.25" customHeight="1" x14ac:dyDescent="0.15">
      <c r="A23" s="31"/>
      <c r="B23" s="23">
        <v>21</v>
      </c>
      <c r="C23" s="32"/>
      <c r="D23" s="33">
        <v>8965352</v>
      </c>
      <c r="E23" s="33">
        <v>42780</v>
      </c>
      <c r="F23" s="34">
        <v>0.47717033307783124</v>
      </c>
      <c r="G23" s="33">
        <v>15296</v>
      </c>
      <c r="H23" s="34">
        <v>0.17061237528654757</v>
      </c>
      <c r="I23" s="33">
        <v>27484</v>
      </c>
      <c r="J23" s="34">
        <v>0.30655795779128364</v>
      </c>
      <c r="K23" s="35">
        <v>3784887</v>
      </c>
      <c r="L23" s="36">
        <v>2.3687238218736781</v>
      </c>
    </row>
    <row r="24" spans="1:19" s="29" customFormat="1" ht="11.25" customHeight="1" x14ac:dyDescent="0.15">
      <c r="A24" s="61"/>
      <c r="B24" s="23">
        <v>20</v>
      </c>
      <c r="C24" s="32"/>
      <c r="D24" s="33">
        <v>8910256</v>
      </c>
      <c r="E24" s="33">
        <v>55096</v>
      </c>
      <c r="F24" s="34">
        <v>0.61834362559280009</v>
      </c>
      <c r="G24" s="33">
        <v>16427</v>
      </c>
      <c r="H24" s="34">
        <v>0.1843605840281132</v>
      </c>
      <c r="I24" s="33">
        <v>38669</v>
      </c>
      <c r="J24" s="34">
        <v>0.43398304156468681</v>
      </c>
      <c r="K24" s="35">
        <v>3725988</v>
      </c>
      <c r="L24" s="36">
        <v>2.3913807559229929</v>
      </c>
    </row>
    <row r="25" spans="1:19" s="29" customFormat="1" ht="11.25" customHeight="1" x14ac:dyDescent="0.15">
      <c r="A25" s="61"/>
      <c r="B25" s="23">
        <v>19</v>
      </c>
      <c r="C25" s="32"/>
      <c r="D25" s="33">
        <v>8848166</v>
      </c>
      <c r="E25" s="33">
        <v>62090</v>
      </c>
      <c r="F25" s="34">
        <v>0.70172734101055523</v>
      </c>
      <c r="G25" s="33">
        <v>19192</v>
      </c>
      <c r="H25" s="34">
        <v>0.21690370637259745</v>
      </c>
      <c r="I25" s="33">
        <v>42898</v>
      </c>
      <c r="J25" s="34">
        <v>0.48482363463795775</v>
      </c>
      <c r="K25" s="35">
        <v>3660554</v>
      </c>
      <c r="L25" s="36">
        <v>2.4171658169774304</v>
      </c>
    </row>
    <row r="26" spans="1:19" s="29" customFormat="1" ht="11.25" customHeight="1" x14ac:dyDescent="0.15">
      <c r="A26" s="61"/>
      <c r="B26" s="23">
        <v>18</v>
      </c>
      <c r="C26" s="32"/>
      <c r="D26" s="33">
        <v>8801632</v>
      </c>
      <c r="E26" s="33">
        <v>46534</v>
      </c>
      <c r="F26" s="34">
        <v>0.52869740520848862</v>
      </c>
      <c r="G26" s="33">
        <v>20836</v>
      </c>
      <c r="H26" s="34">
        <v>0.23672882483612132</v>
      </c>
      <c r="I26" s="33">
        <v>25698</v>
      </c>
      <c r="J26" s="34">
        <v>0.29196858037236734</v>
      </c>
      <c r="K26" s="35">
        <v>3601257</v>
      </c>
      <c r="L26" s="36">
        <v>2.4440443989418141</v>
      </c>
    </row>
    <row r="27" spans="1:19" s="67" customFormat="1" ht="11.25" customHeight="1" x14ac:dyDescent="0.15">
      <c r="A27" s="62"/>
      <c r="B27" s="45" t="s">
        <v>20</v>
      </c>
      <c r="C27" s="46"/>
      <c r="D27" s="47">
        <v>8748731</v>
      </c>
      <c r="E27" s="47">
        <v>52901</v>
      </c>
      <c r="F27" s="48">
        <v>0.60467055164914774</v>
      </c>
      <c r="G27" s="47">
        <v>18418</v>
      </c>
      <c r="H27" s="48">
        <v>0.21052196027058095</v>
      </c>
      <c r="I27" s="47">
        <v>34483</v>
      </c>
      <c r="J27" s="48">
        <v>0.39414859137856678</v>
      </c>
      <c r="K27" s="49">
        <v>3599414</v>
      </c>
      <c r="L27" s="50">
        <v>2.4305987030111011</v>
      </c>
    </row>
    <row r="28" spans="1:19" s="29" customFormat="1" ht="6" customHeight="1" x14ac:dyDescent="0.15">
      <c r="A28" s="61"/>
      <c r="B28" s="23"/>
      <c r="C28" s="32"/>
      <c r="D28" s="33"/>
      <c r="E28" s="33"/>
      <c r="F28" s="34"/>
      <c r="G28" s="33"/>
      <c r="H28" s="34"/>
      <c r="I28" s="33"/>
      <c r="J28" s="34"/>
      <c r="K28" s="35"/>
      <c r="L28" s="36"/>
    </row>
    <row r="29" spans="1:19" s="29" customFormat="1" ht="11.25" customHeight="1" x14ac:dyDescent="0.15">
      <c r="A29" s="31"/>
      <c r="B29" s="23">
        <v>16</v>
      </c>
      <c r="C29" s="32"/>
      <c r="D29" s="33">
        <v>8697720</v>
      </c>
      <c r="E29" s="33">
        <v>51011</v>
      </c>
      <c r="F29" s="34">
        <v>0.58648703338346142</v>
      </c>
      <c r="G29" s="33">
        <v>25047</v>
      </c>
      <c r="H29" s="34">
        <v>0.2879720202535837</v>
      </c>
      <c r="I29" s="33">
        <v>25964</v>
      </c>
      <c r="J29" s="34">
        <v>0.29851501312987772</v>
      </c>
      <c r="K29" s="35">
        <v>3546393</v>
      </c>
      <c r="L29" s="36">
        <v>2.4525539047702836</v>
      </c>
    </row>
    <row r="30" spans="1:19" s="29" customFormat="1" ht="11.25" customHeight="1" x14ac:dyDescent="0.15">
      <c r="A30" s="61"/>
      <c r="B30" s="23">
        <v>15</v>
      </c>
      <c r="C30" s="32"/>
      <c r="D30" s="33">
        <v>8639665</v>
      </c>
      <c r="E30" s="33">
        <v>58055</v>
      </c>
      <c r="F30" s="34">
        <v>0.67195892433329296</v>
      </c>
      <c r="G30" s="33">
        <v>26314</v>
      </c>
      <c r="H30" s="34">
        <v>0.30457199440024585</v>
      </c>
      <c r="I30" s="33">
        <v>31741</v>
      </c>
      <c r="J30" s="34">
        <v>0.36738692993304717</v>
      </c>
      <c r="K30" s="35">
        <v>3485990</v>
      </c>
      <c r="L30" s="36">
        <v>2.4783963809419993</v>
      </c>
    </row>
    <row r="31" spans="1:19" s="29" customFormat="1" ht="11.25" customHeight="1" x14ac:dyDescent="0.15">
      <c r="A31" s="61"/>
      <c r="B31" s="23">
        <v>14</v>
      </c>
      <c r="C31" s="32"/>
      <c r="D31" s="33">
        <v>8575372</v>
      </c>
      <c r="E31" s="33">
        <v>64293</v>
      </c>
      <c r="F31" s="34">
        <v>0.74974006958531936</v>
      </c>
      <c r="G31" s="33">
        <v>29182</v>
      </c>
      <c r="H31" s="34">
        <v>0.34030010593126458</v>
      </c>
      <c r="I31" s="33">
        <v>35111</v>
      </c>
      <c r="J31" s="34">
        <v>0.40943996365405488</v>
      </c>
      <c r="K31" s="35">
        <v>3422568</v>
      </c>
      <c r="L31" s="36">
        <v>2.5055373625885591</v>
      </c>
    </row>
    <row r="32" spans="1:19" s="29" customFormat="1" ht="11.25" customHeight="1" x14ac:dyDescent="0.15">
      <c r="A32" s="61"/>
      <c r="B32" s="23">
        <v>13</v>
      </c>
      <c r="C32" s="32"/>
      <c r="D32" s="33">
        <v>8503498</v>
      </c>
      <c r="E32" s="33">
        <v>71874</v>
      </c>
      <c r="F32" s="34">
        <v>0.84522863414561855</v>
      </c>
      <c r="G32" s="33">
        <v>30898</v>
      </c>
      <c r="H32" s="34">
        <v>0.36335635052774751</v>
      </c>
      <c r="I32" s="33">
        <v>40976</v>
      </c>
      <c r="J32" s="34">
        <v>0.48187228361787116</v>
      </c>
      <c r="K32" s="35">
        <v>3351726</v>
      </c>
      <c r="L32" s="36">
        <v>2.537050462955504</v>
      </c>
    </row>
    <row r="33" spans="1:12" s="67" customFormat="1" ht="11.25" customHeight="1" x14ac:dyDescent="0.15">
      <c r="A33" s="62"/>
      <c r="B33" s="45" t="s">
        <v>21</v>
      </c>
      <c r="C33" s="46"/>
      <c r="D33" s="47">
        <v>8446174</v>
      </c>
      <c r="E33" s="47">
        <v>57324</v>
      </c>
      <c r="F33" s="48">
        <v>0.67869783407256357</v>
      </c>
      <c r="G33" s="47">
        <v>33217</v>
      </c>
      <c r="H33" s="48">
        <v>0.39327866084691127</v>
      </c>
      <c r="I33" s="47">
        <v>24107</v>
      </c>
      <c r="J33" s="48">
        <v>0.28541917322565225</v>
      </c>
      <c r="K33" s="49">
        <v>3309457</v>
      </c>
      <c r="L33" s="50">
        <v>2.5521328725528085</v>
      </c>
    </row>
    <row r="34" spans="1:12" s="29" customFormat="1" ht="6" customHeight="1" x14ac:dyDescent="0.15">
      <c r="A34" s="61"/>
      <c r="B34" s="23"/>
      <c r="C34" s="32"/>
      <c r="D34" s="33"/>
      <c r="E34" s="33"/>
      <c r="F34" s="34"/>
      <c r="G34" s="33"/>
      <c r="H34" s="34"/>
      <c r="I34" s="33"/>
      <c r="J34" s="34"/>
      <c r="K34" s="35"/>
      <c r="L34" s="36"/>
    </row>
    <row r="35" spans="1:12" s="29" customFormat="1" ht="11.25" customHeight="1" x14ac:dyDescent="0.15">
      <c r="A35" s="31"/>
      <c r="B35" s="23">
        <v>11</v>
      </c>
      <c r="C35" s="32"/>
      <c r="D35" s="33">
        <v>8398336</v>
      </c>
      <c r="E35" s="33">
        <v>47838</v>
      </c>
      <c r="F35" s="34">
        <v>0.5696128375906846</v>
      </c>
      <c r="G35" s="33">
        <v>31408</v>
      </c>
      <c r="H35" s="34">
        <v>0.37397884533317077</v>
      </c>
      <c r="I35" s="33">
        <v>16430</v>
      </c>
      <c r="J35" s="34">
        <v>0.19563399225751388</v>
      </c>
      <c r="K35" s="35">
        <v>3256672</v>
      </c>
      <c r="L35" s="36">
        <v>2.5788092875180553</v>
      </c>
    </row>
    <row r="36" spans="1:12" s="29" customFormat="1" ht="11.25" customHeight="1" x14ac:dyDescent="0.15">
      <c r="A36" s="61"/>
      <c r="B36" s="23">
        <v>10</v>
      </c>
      <c r="C36" s="32"/>
      <c r="D36" s="33">
        <v>8340837</v>
      </c>
      <c r="E36" s="33">
        <v>57499</v>
      </c>
      <c r="F36" s="34">
        <v>0.68936726613887789</v>
      </c>
      <c r="G36" s="33">
        <v>34626</v>
      </c>
      <c r="H36" s="34">
        <v>0.41513819296552618</v>
      </c>
      <c r="I36" s="33">
        <v>22873</v>
      </c>
      <c r="J36" s="34">
        <v>0.27422907317335182</v>
      </c>
      <c r="K36" s="35">
        <v>3197808</v>
      </c>
      <c r="L36" s="36">
        <v>2.6082982467990572</v>
      </c>
    </row>
    <row r="37" spans="1:12" s="29" customFormat="1" ht="11.25" customHeight="1" x14ac:dyDescent="0.15">
      <c r="A37" s="61"/>
      <c r="B37" s="23">
        <v>9</v>
      </c>
      <c r="C37" s="32"/>
      <c r="D37" s="33">
        <v>8295504</v>
      </c>
      <c r="E37" s="33">
        <v>45333</v>
      </c>
      <c r="F37" s="34">
        <v>0.54647674210029917</v>
      </c>
      <c r="G37" s="33">
        <v>35197</v>
      </c>
      <c r="H37" s="34">
        <v>0.42429007327342622</v>
      </c>
      <c r="I37" s="33">
        <v>10136</v>
      </c>
      <c r="J37" s="34">
        <v>0.12218666882687296</v>
      </c>
      <c r="K37" s="35">
        <v>3147465</v>
      </c>
      <c r="L37" s="36">
        <v>2.6356143753782808</v>
      </c>
    </row>
    <row r="38" spans="1:12" s="29" customFormat="1" ht="11.25" customHeight="1" x14ac:dyDescent="0.15">
      <c r="A38" s="61"/>
      <c r="B38" s="23">
        <v>8</v>
      </c>
      <c r="C38" s="32"/>
      <c r="D38" s="33">
        <v>8252665</v>
      </c>
      <c r="E38" s="33">
        <v>42839</v>
      </c>
      <c r="F38" s="34">
        <v>0.51909292331628631</v>
      </c>
      <c r="G38" s="33">
        <v>36959</v>
      </c>
      <c r="H38" s="34">
        <v>0.44784321185944176</v>
      </c>
      <c r="I38" s="33">
        <v>5880</v>
      </c>
      <c r="J38" s="34">
        <v>7.1249711456844542E-2</v>
      </c>
      <c r="K38" s="35">
        <v>3099841</v>
      </c>
      <c r="L38" s="36">
        <v>2.6622865495359278</v>
      </c>
    </row>
    <row r="39" spans="1:12" s="67" customFormat="1" ht="11.25" customHeight="1" x14ac:dyDescent="0.15">
      <c r="A39" s="62"/>
      <c r="B39" s="45" t="s">
        <v>22</v>
      </c>
      <c r="C39" s="46"/>
      <c r="D39" s="47">
        <v>8238840</v>
      </c>
      <c r="E39" s="47">
        <v>13825</v>
      </c>
      <c r="F39" s="48">
        <v>0.16780274893067471</v>
      </c>
      <c r="G39" s="47">
        <v>35304</v>
      </c>
      <c r="H39" s="48">
        <v>0.42850692573226329</v>
      </c>
      <c r="I39" s="47">
        <v>-21479</v>
      </c>
      <c r="J39" s="48">
        <v>-0.26070417680158858</v>
      </c>
      <c r="K39" s="49">
        <v>3078412</v>
      </c>
      <c r="L39" s="50">
        <v>2.6763279249171328</v>
      </c>
    </row>
    <row r="40" spans="1:12" s="29" customFormat="1" ht="6" customHeight="1" x14ac:dyDescent="0.15">
      <c r="A40" s="61"/>
      <c r="B40" s="23"/>
      <c r="C40" s="32"/>
      <c r="D40" s="33"/>
      <c r="E40" s="33"/>
      <c r="F40" s="34"/>
      <c r="G40" s="33"/>
      <c r="H40" s="34"/>
      <c r="I40" s="33"/>
      <c r="J40" s="34"/>
      <c r="K40" s="35"/>
      <c r="L40" s="36"/>
    </row>
    <row r="41" spans="1:12" s="29" customFormat="1" ht="11.25" customHeight="1" x14ac:dyDescent="0.15">
      <c r="A41" s="31"/>
      <c r="B41" s="23">
        <v>6</v>
      </c>
      <c r="C41" s="32"/>
      <c r="D41" s="33">
        <v>8196872</v>
      </c>
      <c r="E41" s="33">
        <v>41968</v>
      </c>
      <c r="F41" s="34">
        <v>0.51200018738855502</v>
      </c>
      <c r="G41" s="33">
        <v>40246</v>
      </c>
      <c r="H41" s="34">
        <v>0.49099217359988057</v>
      </c>
      <c r="I41" s="33">
        <v>1722</v>
      </c>
      <c r="J41" s="34">
        <v>2.100801378867451E-2</v>
      </c>
      <c r="K41" s="35">
        <v>3038443</v>
      </c>
      <c r="L41" s="36">
        <v>2.6977211683747235</v>
      </c>
    </row>
    <row r="42" spans="1:12" s="29" customFormat="1" ht="11.25" customHeight="1" x14ac:dyDescent="0.15">
      <c r="A42" s="61"/>
      <c r="B42" s="23">
        <v>5</v>
      </c>
      <c r="C42" s="32"/>
      <c r="D42" s="33">
        <v>8148512</v>
      </c>
      <c r="E42" s="33">
        <v>48360</v>
      </c>
      <c r="F42" s="34">
        <v>0.59348258921383434</v>
      </c>
      <c r="G42" s="33">
        <v>36360</v>
      </c>
      <c r="H42" s="34">
        <v>0.4462164380441484</v>
      </c>
      <c r="I42" s="33">
        <v>12000</v>
      </c>
      <c r="J42" s="34">
        <v>0.14726615116968594</v>
      </c>
      <c r="K42" s="35">
        <v>2988585</v>
      </c>
      <c r="L42" s="36">
        <v>2.7265451710424835</v>
      </c>
    </row>
    <row r="43" spans="1:12" s="29" customFormat="1" ht="11.25" customHeight="1" x14ac:dyDescent="0.15">
      <c r="A43" s="61"/>
      <c r="B43" s="23">
        <v>4</v>
      </c>
      <c r="C43" s="32"/>
      <c r="D43" s="33">
        <v>8084849</v>
      </c>
      <c r="E43" s="33">
        <v>63663</v>
      </c>
      <c r="F43" s="34">
        <v>0.78743585687252782</v>
      </c>
      <c r="G43" s="33">
        <v>38388</v>
      </c>
      <c r="H43" s="34">
        <v>0.47481406269925391</v>
      </c>
      <c r="I43" s="33">
        <v>25275</v>
      </c>
      <c r="J43" s="34">
        <v>0.31262179417327396</v>
      </c>
      <c r="K43" s="35">
        <v>2928160</v>
      </c>
      <c r="L43" s="36">
        <v>2.7610680427299057</v>
      </c>
    </row>
    <row r="44" spans="1:12" s="29" customFormat="1" ht="11.25" customHeight="1" x14ac:dyDescent="0.15">
      <c r="A44" s="61"/>
      <c r="B44" s="23">
        <v>3</v>
      </c>
      <c r="C44" s="32"/>
      <c r="D44" s="33">
        <v>7998747</v>
      </c>
      <c r="E44" s="33">
        <v>86102</v>
      </c>
      <c r="F44" s="34">
        <v>1.0764435979785334</v>
      </c>
      <c r="G44" s="33">
        <v>40921</v>
      </c>
      <c r="H44" s="34">
        <v>0.51159262819539109</v>
      </c>
      <c r="I44" s="33">
        <v>45181</v>
      </c>
      <c r="J44" s="34">
        <v>0.56485096978314231</v>
      </c>
      <c r="K44" s="35">
        <v>2857755</v>
      </c>
      <c r="L44" s="36">
        <v>2.7989617724402547</v>
      </c>
    </row>
    <row r="45" spans="1:12" s="67" customFormat="1" ht="11.25" customHeight="1" x14ac:dyDescent="0.15">
      <c r="A45" s="62"/>
      <c r="B45" s="45" t="s">
        <v>23</v>
      </c>
      <c r="C45" s="46"/>
      <c r="D45" s="47">
        <v>7910382</v>
      </c>
      <c r="E45" s="47">
        <v>88365</v>
      </c>
      <c r="F45" s="48">
        <v>1.1170762676189341</v>
      </c>
      <c r="G45" s="47">
        <v>39966</v>
      </c>
      <c r="H45" s="48">
        <v>0.50523476615920693</v>
      </c>
      <c r="I45" s="47">
        <v>48399</v>
      </c>
      <c r="J45" s="48">
        <v>0.61184150145972727</v>
      </c>
      <c r="K45" s="49">
        <v>2777380</v>
      </c>
      <c r="L45" s="50">
        <v>2.8481453744176166</v>
      </c>
    </row>
    <row r="46" spans="1:12" s="29" customFormat="1" ht="6" customHeight="1" x14ac:dyDescent="0.15">
      <c r="A46" s="61"/>
      <c r="B46" s="23"/>
      <c r="C46" s="32"/>
      <c r="D46" s="33"/>
      <c r="E46" s="33"/>
      <c r="F46" s="34"/>
      <c r="G46" s="33"/>
      <c r="H46" s="34"/>
      <c r="I46" s="33"/>
      <c r="J46" s="34"/>
      <c r="K46" s="35"/>
      <c r="L46" s="36"/>
    </row>
    <row r="47" spans="1:12" s="29" customFormat="1" ht="11.25" customHeight="1" x14ac:dyDescent="0.15">
      <c r="A47" s="31"/>
      <c r="B47" s="23" t="s">
        <v>24</v>
      </c>
      <c r="C47" s="32"/>
      <c r="D47" s="33">
        <v>7810104</v>
      </c>
      <c r="E47" s="33">
        <v>100278</v>
      </c>
      <c r="F47" s="34">
        <v>1.2839521727239482</v>
      </c>
      <c r="G47" s="33">
        <v>42342</v>
      </c>
      <c r="H47" s="34">
        <v>0.54214386901890166</v>
      </c>
      <c r="I47" s="33">
        <v>57936</v>
      </c>
      <c r="J47" s="34">
        <v>0.74180830370504669</v>
      </c>
      <c r="K47" s="35">
        <v>2704986</v>
      </c>
      <c r="L47" s="36">
        <v>2.8872992318629374</v>
      </c>
    </row>
    <row r="48" spans="1:12" s="29" customFormat="1" ht="11.25" customHeight="1" x14ac:dyDescent="0.15">
      <c r="A48" s="61"/>
      <c r="B48" s="23" t="s">
        <v>25</v>
      </c>
      <c r="C48" s="32"/>
      <c r="D48" s="33">
        <v>7701087</v>
      </c>
      <c r="E48" s="33">
        <v>109017</v>
      </c>
      <c r="F48" s="34">
        <v>1.4156053554517694</v>
      </c>
      <c r="G48" s="33">
        <v>47324</v>
      </c>
      <c r="H48" s="34">
        <v>0.6145106528467994</v>
      </c>
      <c r="I48" s="33">
        <v>61693</v>
      </c>
      <c r="J48" s="34">
        <v>0.80109470260496995</v>
      </c>
      <c r="K48" s="35">
        <v>2636591</v>
      </c>
      <c r="L48" s="36">
        <v>2.9208500673786721</v>
      </c>
    </row>
    <row r="49" spans="1:12" s="29" customFormat="1" ht="11.25" customHeight="1" x14ac:dyDescent="0.15">
      <c r="A49" s="61"/>
      <c r="B49" s="23">
        <v>62</v>
      </c>
      <c r="C49" s="32"/>
      <c r="D49" s="33">
        <v>7572197</v>
      </c>
      <c r="E49" s="33">
        <v>128890</v>
      </c>
      <c r="F49" s="34">
        <v>1.7021480027527018</v>
      </c>
      <c r="G49" s="33">
        <v>48655</v>
      </c>
      <c r="H49" s="34">
        <v>0.64254799498745219</v>
      </c>
      <c r="I49" s="33">
        <v>80235</v>
      </c>
      <c r="J49" s="34">
        <v>1.0596000077652497</v>
      </c>
      <c r="K49" s="35">
        <v>2566064</v>
      </c>
      <c r="L49" s="36">
        <v>2.9508995099108986</v>
      </c>
    </row>
    <row r="50" spans="1:12" s="29" customFormat="1" ht="11.25" customHeight="1" x14ac:dyDescent="0.15">
      <c r="A50" s="61"/>
      <c r="B50" s="23">
        <v>61</v>
      </c>
      <c r="C50" s="32"/>
      <c r="D50" s="33">
        <v>7452253</v>
      </c>
      <c r="E50" s="33">
        <v>119944</v>
      </c>
      <c r="F50" s="34">
        <v>1.6094998385052146</v>
      </c>
      <c r="G50" s="33">
        <v>49040</v>
      </c>
      <c r="H50" s="34">
        <v>0.65805602681497799</v>
      </c>
      <c r="I50" s="33">
        <v>70904</v>
      </c>
      <c r="J50" s="34">
        <v>0.95144381169023651</v>
      </c>
      <c r="K50" s="35">
        <v>2497481</v>
      </c>
      <c r="L50" s="36">
        <v>2.9839077854846545</v>
      </c>
    </row>
    <row r="51" spans="1:12" s="67" customFormat="1" ht="11.25" customHeight="1" x14ac:dyDescent="0.15">
      <c r="A51" s="62"/>
      <c r="B51" s="45" t="s">
        <v>26</v>
      </c>
      <c r="C51" s="46"/>
      <c r="D51" s="47">
        <v>7349993</v>
      </c>
      <c r="E51" s="47">
        <v>102260</v>
      </c>
      <c r="F51" s="48">
        <v>1.391293842048557</v>
      </c>
      <c r="G51" s="47">
        <v>52583</v>
      </c>
      <c r="H51" s="48">
        <v>0.71541564733463014</v>
      </c>
      <c r="I51" s="47">
        <v>49677</v>
      </c>
      <c r="J51" s="48">
        <v>0.67587819471392696</v>
      </c>
      <c r="K51" s="49">
        <v>2466824</v>
      </c>
      <c r="L51" s="50">
        <v>2.9795368457579463</v>
      </c>
    </row>
    <row r="52" spans="1:12" s="29" customFormat="1" ht="6" customHeight="1" x14ac:dyDescent="0.15">
      <c r="A52" s="61"/>
      <c r="B52" s="23"/>
      <c r="C52" s="32"/>
      <c r="D52" s="33"/>
      <c r="E52" s="33"/>
      <c r="F52" s="34"/>
      <c r="G52" s="33"/>
      <c r="H52" s="34"/>
      <c r="I52" s="33"/>
      <c r="J52" s="34"/>
      <c r="K52" s="35"/>
      <c r="L52" s="36"/>
    </row>
    <row r="53" spans="1:12" s="29" customFormat="1" ht="11.25" customHeight="1" x14ac:dyDescent="0.15">
      <c r="A53" s="31"/>
      <c r="B53" s="23">
        <v>59</v>
      </c>
      <c r="C53" s="32"/>
      <c r="D53" s="33">
        <v>7248578</v>
      </c>
      <c r="E53" s="33">
        <v>101415</v>
      </c>
      <c r="F53" s="34">
        <v>1.3991020031791064</v>
      </c>
      <c r="G53" s="33">
        <v>55972</v>
      </c>
      <c r="H53" s="34">
        <v>0.77217903980615232</v>
      </c>
      <c r="I53" s="33">
        <v>45443</v>
      </c>
      <c r="J53" s="34">
        <v>0.62692296337295395</v>
      </c>
      <c r="K53" s="35">
        <v>2414153</v>
      </c>
      <c r="L53" s="36">
        <v>3.0025346363714314</v>
      </c>
    </row>
    <row r="54" spans="1:12" s="29" customFormat="1" ht="11.25" customHeight="1" x14ac:dyDescent="0.15">
      <c r="A54" s="61"/>
      <c r="B54" s="23">
        <v>58</v>
      </c>
      <c r="C54" s="32"/>
      <c r="D54" s="33">
        <v>7148043</v>
      </c>
      <c r="E54" s="33">
        <v>100535</v>
      </c>
      <c r="F54" s="34">
        <v>1.4064688754670334</v>
      </c>
      <c r="G54" s="33">
        <v>58352</v>
      </c>
      <c r="H54" s="34">
        <v>0.816335324227904</v>
      </c>
      <c r="I54" s="33">
        <v>42183</v>
      </c>
      <c r="J54" s="34">
        <v>0.59013355123912936</v>
      </c>
      <c r="K54" s="35">
        <v>2362386</v>
      </c>
      <c r="L54" s="36">
        <v>3.025772672205135</v>
      </c>
    </row>
    <row r="55" spans="1:12" s="29" customFormat="1" ht="11.25" customHeight="1" x14ac:dyDescent="0.15">
      <c r="A55" s="61"/>
      <c r="B55" s="23">
        <v>57</v>
      </c>
      <c r="C55" s="32"/>
      <c r="D55" s="33">
        <v>7044560</v>
      </c>
      <c r="E55" s="33">
        <v>103483</v>
      </c>
      <c r="F55" s="34">
        <v>1.468977480495588</v>
      </c>
      <c r="G55" s="33">
        <v>60339</v>
      </c>
      <c r="H55" s="34">
        <v>0.85653326822399123</v>
      </c>
      <c r="I55" s="33">
        <v>43144</v>
      </c>
      <c r="J55" s="34">
        <v>0.61244421227159684</v>
      </c>
      <c r="K55" s="35">
        <v>2310377</v>
      </c>
      <c r="L55" s="36">
        <v>3.0490954506558885</v>
      </c>
    </row>
    <row r="56" spans="1:12" s="29" customFormat="1" ht="11.25" customHeight="1" x14ac:dyDescent="0.15">
      <c r="A56" s="61"/>
      <c r="B56" s="23">
        <v>56</v>
      </c>
      <c r="C56" s="32"/>
      <c r="D56" s="33">
        <v>6943574</v>
      </c>
      <c r="E56" s="33">
        <v>100986</v>
      </c>
      <c r="F56" s="34">
        <v>1.4543806978941969</v>
      </c>
      <c r="G56" s="33">
        <v>62127</v>
      </c>
      <c r="H56" s="34">
        <v>0.89474095040968826</v>
      </c>
      <c r="I56" s="33">
        <v>38859</v>
      </c>
      <c r="J56" s="34">
        <v>0.55963974748450873</v>
      </c>
      <c r="K56" s="35">
        <v>2264063</v>
      </c>
      <c r="L56" s="36">
        <v>3.0668643054543976</v>
      </c>
    </row>
    <row r="57" spans="1:12" s="67" customFormat="1" ht="11.25" customHeight="1" x14ac:dyDescent="0.15">
      <c r="A57" s="62"/>
      <c r="B57" s="45" t="s">
        <v>27</v>
      </c>
      <c r="C57" s="46"/>
      <c r="D57" s="47">
        <v>6857040</v>
      </c>
      <c r="E57" s="47">
        <v>86534</v>
      </c>
      <c r="F57" s="48">
        <v>1.2619730962631106</v>
      </c>
      <c r="G57" s="47">
        <v>64640</v>
      </c>
      <c r="H57" s="48">
        <v>0.94268080687876976</v>
      </c>
      <c r="I57" s="47">
        <v>21894</v>
      </c>
      <c r="J57" s="48">
        <v>0.31929228938434079</v>
      </c>
      <c r="K57" s="49">
        <v>2053145</v>
      </c>
      <c r="L57" s="50">
        <v>3.339773859128313</v>
      </c>
    </row>
    <row r="58" spans="1:12" s="29" customFormat="1" ht="6" customHeight="1" x14ac:dyDescent="0.15">
      <c r="A58" s="61"/>
      <c r="B58" s="23"/>
      <c r="C58" s="32"/>
      <c r="D58" s="33"/>
      <c r="E58" s="33"/>
      <c r="F58" s="34"/>
      <c r="G58" s="33"/>
      <c r="H58" s="34"/>
      <c r="I58" s="33"/>
      <c r="J58" s="34"/>
      <c r="K58" s="35"/>
      <c r="L58" s="36"/>
    </row>
    <row r="59" spans="1:12" s="29" customFormat="1" ht="11.25" customHeight="1" x14ac:dyDescent="0.15">
      <c r="A59" s="31"/>
      <c r="B59" s="23">
        <v>54</v>
      </c>
      <c r="C59" s="32"/>
      <c r="D59" s="33">
        <v>6759223</v>
      </c>
      <c r="E59" s="33">
        <v>97817</v>
      </c>
      <c r="F59" s="34">
        <v>1.4471633795778005</v>
      </c>
      <c r="G59" s="33">
        <v>71989</v>
      </c>
      <c r="H59" s="34">
        <v>1.0650484530544413</v>
      </c>
      <c r="I59" s="33">
        <v>25828</v>
      </c>
      <c r="J59" s="34">
        <v>0.38211492652335927</v>
      </c>
      <c r="K59" s="35">
        <v>2019404</v>
      </c>
      <c r="L59" s="36">
        <v>3.3471375712834082</v>
      </c>
    </row>
    <row r="60" spans="1:12" s="29" customFormat="1" ht="11.25" customHeight="1" x14ac:dyDescent="0.15">
      <c r="A60" s="61"/>
      <c r="B60" s="23">
        <v>53</v>
      </c>
      <c r="C60" s="32"/>
      <c r="D60" s="33">
        <v>6646694</v>
      </c>
      <c r="E60" s="33">
        <v>112529</v>
      </c>
      <c r="F60" s="34">
        <v>1.6930070799107046</v>
      </c>
      <c r="G60" s="33">
        <v>76221</v>
      </c>
      <c r="H60" s="34">
        <v>1.1467505499726631</v>
      </c>
      <c r="I60" s="33">
        <v>36308</v>
      </c>
      <c r="J60" s="34">
        <v>0.54625652993804141</v>
      </c>
      <c r="K60" s="35">
        <v>1982548</v>
      </c>
      <c r="L60" s="36">
        <v>3.3526018033359093</v>
      </c>
    </row>
    <row r="61" spans="1:12" s="29" customFormat="1" ht="11.25" customHeight="1" x14ac:dyDescent="0.15">
      <c r="A61" s="61"/>
      <c r="B61" s="23">
        <v>52</v>
      </c>
      <c r="C61" s="32"/>
      <c r="D61" s="33">
        <v>6534674</v>
      </c>
      <c r="E61" s="33">
        <v>112020</v>
      </c>
      <c r="F61" s="34">
        <v>1.7142400676759084</v>
      </c>
      <c r="G61" s="33">
        <v>81332</v>
      </c>
      <c r="H61" s="34">
        <v>1.2446221494752454</v>
      </c>
      <c r="I61" s="33">
        <v>30688</v>
      </c>
      <c r="J61" s="34">
        <v>0.46961791820066312</v>
      </c>
      <c r="K61" s="35">
        <v>1947681</v>
      </c>
      <c r="L61" s="36">
        <v>3.3551048657351998</v>
      </c>
    </row>
    <row r="62" spans="1:12" s="29" customFormat="1" ht="11.25" customHeight="1" x14ac:dyDescent="0.15">
      <c r="A62" s="61"/>
      <c r="B62" s="23">
        <v>51</v>
      </c>
      <c r="C62" s="32"/>
      <c r="D62" s="33">
        <v>6421325</v>
      </c>
      <c r="E62" s="33">
        <v>113349</v>
      </c>
      <c r="F62" s="34">
        <v>1.7651964353151413</v>
      </c>
      <c r="G62" s="33">
        <v>87123</v>
      </c>
      <c r="H62" s="34">
        <v>1.3567760547862007</v>
      </c>
      <c r="I62" s="33">
        <v>26226</v>
      </c>
      <c r="J62" s="34">
        <v>0.4084203805289407</v>
      </c>
      <c r="K62" s="35">
        <v>1913271</v>
      </c>
      <c r="L62" s="36">
        <v>3.3562025452745585</v>
      </c>
    </row>
    <row r="63" spans="1:12" s="67" customFormat="1" ht="11.25" customHeight="1" x14ac:dyDescent="0.15">
      <c r="A63" s="62"/>
      <c r="B63" s="45" t="s">
        <v>28</v>
      </c>
      <c r="C63" s="46"/>
      <c r="D63" s="47">
        <v>6295998</v>
      </c>
      <c r="E63" s="47">
        <v>125327</v>
      </c>
      <c r="F63" s="48">
        <v>1.9905819538062115</v>
      </c>
      <c r="G63" s="47">
        <v>90784</v>
      </c>
      <c r="H63" s="48">
        <v>1.4419318430533175</v>
      </c>
      <c r="I63" s="47">
        <v>34543</v>
      </c>
      <c r="J63" s="48">
        <v>0.54865011075289405</v>
      </c>
      <c r="K63" s="49">
        <v>1864491</v>
      </c>
      <c r="L63" s="50">
        <v>3.3767918429212047</v>
      </c>
    </row>
    <row r="64" spans="1:12" s="29" customFormat="1" ht="6" customHeight="1" x14ac:dyDescent="0.15">
      <c r="A64" s="61"/>
      <c r="B64" s="23"/>
      <c r="C64" s="32"/>
      <c r="D64" s="33"/>
      <c r="E64" s="33"/>
      <c r="F64" s="34"/>
      <c r="G64" s="33"/>
      <c r="H64" s="34"/>
      <c r="I64" s="33"/>
      <c r="J64" s="34"/>
      <c r="K64" s="35"/>
      <c r="L64" s="36"/>
    </row>
    <row r="65" spans="1:12" s="29" customFormat="1" ht="11.25" customHeight="1" x14ac:dyDescent="0.15">
      <c r="A65" s="31"/>
      <c r="B65" s="23">
        <v>49</v>
      </c>
      <c r="C65" s="32"/>
      <c r="D65" s="33">
        <v>6138096</v>
      </c>
      <c r="E65" s="33">
        <v>157902</v>
      </c>
      <c r="F65" s="34">
        <v>2.5724915348342545</v>
      </c>
      <c r="G65" s="33">
        <v>101799</v>
      </c>
      <c r="H65" s="34">
        <v>1.6584784597699349</v>
      </c>
      <c r="I65" s="33">
        <v>56103</v>
      </c>
      <c r="J65" s="34">
        <v>0.91401307506431961</v>
      </c>
      <c r="K65" s="35">
        <v>1801478</v>
      </c>
      <c r="L65" s="36">
        <v>3.4072555979034993</v>
      </c>
    </row>
    <row r="66" spans="1:12" s="29" customFormat="1" ht="11.25" customHeight="1" x14ac:dyDescent="0.15">
      <c r="A66" s="61"/>
      <c r="B66" s="23">
        <v>48</v>
      </c>
      <c r="C66" s="32"/>
      <c r="D66" s="33">
        <v>5958190</v>
      </c>
      <c r="E66" s="33">
        <v>179906</v>
      </c>
      <c r="F66" s="34">
        <v>3.0194740348998605</v>
      </c>
      <c r="G66" s="33">
        <v>108371</v>
      </c>
      <c r="H66" s="34">
        <v>1.8188577403540338</v>
      </c>
      <c r="I66" s="33">
        <v>71535</v>
      </c>
      <c r="J66" s="34">
        <v>1.2006162945458267</v>
      </c>
      <c r="K66" s="35">
        <v>1730604</v>
      </c>
      <c r="L66" s="36">
        <v>3.4428384540888612</v>
      </c>
    </row>
    <row r="67" spans="1:12" s="29" customFormat="1" ht="11.25" customHeight="1" x14ac:dyDescent="0.15">
      <c r="A67" s="61"/>
      <c r="B67" s="23">
        <v>47</v>
      </c>
      <c r="C67" s="32"/>
      <c r="D67" s="33">
        <v>5758256</v>
      </c>
      <c r="E67" s="33">
        <v>199934</v>
      </c>
      <c r="F67" s="34">
        <v>3.4721276719895751</v>
      </c>
      <c r="G67" s="33">
        <v>106384</v>
      </c>
      <c r="H67" s="34">
        <v>1.8475038275477851</v>
      </c>
      <c r="I67" s="33">
        <v>93550</v>
      </c>
      <c r="J67" s="34">
        <v>1.6246238444417895</v>
      </c>
      <c r="K67" s="35">
        <v>1651473</v>
      </c>
      <c r="L67" s="36">
        <v>3.4867394138444889</v>
      </c>
    </row>
    <row r="68" spans="1:12" s="29" customFormat="1" ht="11.25" customHeight="1" x14ac:dyDescent="0.15">
      <c r="A68" s="61"/>
      <c r="B68" s="23">
        <v>46</v>
      </c>
      <c r="C68" s="32"/>
      <c r="D68" s="33">
        <v>5524380</v>
      </c>
      <c r="E68" s="33">
        <v>233876</v>
      </c>
      <c r="F68" s="34">
        <v>4.2335248480372458</v>
      </c>
      <c r="G68" s="33">
        <v>102700</v>
      </c>
      <c r="H68" s="34">
        <v>1.8590321447836682</v>
      </c>
      <c r="I68" s="33">
        <v>131176</v>
      </c>
      <c r="J68" s="34">
        <v>2.3744927032535781</v>
      </c>
      <c r="K68" s="35">
        <v>1554798</v>
      </c>
      <c r="L68" s="36">
        <v>3.5531175110850413</v>
      </c>
    </row>
    <row r="69" spans="1:12" s="67" customFormat="1" ht="11.25" customHeight="1" x14ac:dyDescent="0.15">
      <c r="A69" s="62"/>
      <c r="B69" s="45" t="s">
        <v>29</v>
      </c>
      <c r="C69" s="46"/>
      <c r="D69" s="47">
        <v>5292904</v>
      </c>
      <c r="E69" s="47">
        <v>231476</v>
      </c>
      <c r="F69" s="48">
        <v>4.3733270053641631</v>
      </c>
      <c r="G69" s="47">
        <v>97696</v>
      </c>
      <c r="H69" s="48">
        <v>1.8457920264565539</v>
      </c>
      <c r="I69" s="47">
        <v>133780</v>
      </c>
      <c r="J69" s="48">
        <v>2.5275349789076094</v>
      </c>
      <c r="K69" s="49">
        <v>1469259</v>
      </c>
      <c r="L69" s="50">
        <v>3.6024308852285403</v>
      </c>
    </row>
    <row r="70" spans="1:12" s="29" customFormat="1" ht="6" customHeight="1" x14ac:dyDescent="0.15">
      <c r="A70" s="61"/>
      <c r="B70" s="23"/>
      <c r="C70" s="32"/>
      <c r="D70" s="33"/>
      <c r="E70" s="33"/>
      <c r="F70" s="34"/>
      <c r="G70" s="33"/>
      <c r="H70" s="34"/>
      <c r="I70" s="33"/>
      <c r="J70" s="34"/>
      <c r="K70" s="35"/>
      <c r="L70" s="36"/>
    </row>
    <row r="71" spans="1:12" s="29" customFormat="1" ht="11.25" customHeight="1" x14ac:dyDescent="0.15">
      <c r="A71" s="31"/>
      <c r="B71" s="23">
        <v>44</v>
      </c>
      <c r="C71" s="32"/>
      <c r="D71" s="33">
        <v>5073378</v>
      </c>
      <c r="E71" s="33">
        <v>219526</v>
      </c>
      <c r="F71" s="34">
        <v>4.3270184086421315</v>
      </c>
      <c r="G71" s="33">
        <v>90246</v>
      </c>
      <c r="H71" s="34">
        <v>1.7788148251519993</v>
      </c>
      <c r="I71" s="33">
        <v>129280</v>
      </c>
      <c r="J71" s="34">
        <v>2.5482035834901322</v>
      </c>
      <c r="K71" s="35">
        <v>1376682</v>
      </c>
      <c r="L71" s="36">
        <v>3.6852214236839007</v>
      </c>
    </row>
    <row r="72" spans="1:12" s="29" customFormat="1" ht="11.25" customHeight="1" x14ac:dyDescent="0.15">
      <c r="A72" s="61"/>
      <c r="B72" s="23">
        <v>43</v>
      </c>
      <c r="C72" s="32"/>
      <c r="D72" s="33">
        <v>4845739</v>
      </c>
      <c r="E72" s="33">
        <v>227639</v>
      </c>
      <c r="F72" s="34">
        <v>4.6977148377161875</v>
      </c>
      <c r="G72" s="33">
        <v>86018</v>
      </c>
      <c r="H72" s="34">
        <v>1.7751265596434311</v>
      </c>
      <c r="I72" s="33">
        <v>141621</v>
      </c>
      <c r="J72" s="34">
        <v>2.9225882780727566</v>
      </c>
      <c r="K72" s="35">
        <v>1297113</v>
      </c>
      <c r="L72" s="36">
        <v>3.7357878611963646</v>
      </c>
    </row>
    <row r="73" spans="1:12" s="29" customFormat="1" ht="11.25" customHeight="1" x14ac:dyDescent="0.15">
      <c r="A73" s="61"/>
      <c r="B73" s="23">
        <v>42</v>
      </c>
      <c r="C73" s="32"/>
      <c r="D73" s="33">
        <v>4638525</v>
      </c>
      <c r="E73" s="33">
        <v>207214</v>
      </c>
      <c r="F73" s="34">
        <v>4.4672390468952949</v>
      </c>
      <c r="G73" s="33">
        <v>85699</v>
      </c>
      <c r="H73" s="34">
        <v>1.847548520273147</v>
      </c>
      <c r="I73" s="33">
        <v>121515</v>
      </c>
      <c r="J73" s="34">
        <v>2.619690526622148</v>
      </c>
      <c r="K73" s="35">
        <v>1227888</v>
      </c>
      <c r="L73" s="36">
        <v>3.7776450295140926</v>
      </c>
    </row>
    <row r="74" spans="1:12" s="29" customFormat="1" ht="11.25" customHeight="1" x14ac:dyDescent="0.15">
      <c r="A74" s="31"/>
      <c r="B74" s="23">
        <v>41</v>
      </c>
      <c r="C74" s="32"/>
      <c r="D74" s="33">
        <v>4474335</v>
      </c>
      <c r="E74" s="33">
        <v>164190</v>
      </c>
      <c r="F74" s="34">
        <v>3.6695955935351283</v>
      </c>
      <c r="G74" s="33">
        <v>55394</v>
      </c>
      <c r="H74" s="34">
        <v>1.2380387253077831</v>
      </c>
      <c r="I74" s="33">
        <v>108796</v>
      </c>
      <c r="J74" s="34">
        <v>2.4315568682273456</v>
      </c>
      <c r="K74" s="35">
        <v>1164807</v>
      </c>
      <c r="L74" s="36">
        <v>3.8412672657358686</v>
      </c>
    </row>
    <row r="75" spans="1:12" s="67" customFormat="1" ht="11.25" customHeight="1" x14ac:dyDescent="0.15">
      <c r="A75" s="62"/>
      <c r="B75" s="45" t="s">
        <v>31</v>
      </c>
      <c r="C75" s="46"/>
      <c r="D75" s="47">
        <v>4254849</v>
      </c>
      <c r="E75" s="47">
        <v>219486</v>
      </c>
      <c r="F75" s="48">
        <v>5.1584909358710496</v>
      </c>
      <c r="G75" s="47">
        <v>73843</v>
      </c>
      <c r="H75" s="48">
        <v>1.7355022469657562</v>
      </c>
      <c r="I75" s="47">
        <v>145643</v>
      </c>
      <c r="J75" s="48">
        <v>3.4229886889052938</v>
      </c>
      <c r="K75" s="49">
        <v>1095062</v>
      </c>
      <c r="L75" s="50">
        <v>3.8854868491464409</v>
      </c>
    </row>
    <row r="76" spans="1:12" s="29" customFormat="1" ht="5.0999999999999996" customHeight="1" x14ac:dyDescent="0.15">
      <c r="A76" s="61"/>
      <c r="B76" s="23"/>
      <c r="C76" s="32"/>
      <c r="D76" s="33"/>
      <c r="E76" s="33"/>
      <c r="F76" s="34"/>
      <c r="G76" s="33"/>
      <c r="H76" s="34"/>
      <c r="I76" s="33"/>
      <c r="J76" s="34"/>
      <c r="K76" s="35"/>
      <c r="L76" s="36"/>
    </row>
    <row r="77" spans="1:12" s="29" customFormat="1" ht="11.25" customHeight="1" x14ac:dyDescent="0.15">
      <c r="A77" s="61"/>
      <c r="B77" s="23">
        <v>39</v>
      </c>
      <c r="C77" s="32"/>
      <c r="D77" s="33">
        <v>4023952</v>
      </c>
      <c r="E77" s="33">
        <v>230897</v>
      </c>
      <c r="F77" s="34">
        <v>5.7380654640015587</v>
      </c>
      <c r="G77" s="33">
        <v>63494</v>
      </c>
      <c r="H77" s="34">
        <v>1.5779015256643221</v>
      </c>
      <c r="I77" s="33">
        <v>167403</v>
      </c>
      <c r="J77" s="34">
        <v>4.1601639383372362</v>
      </c>
      <c r="K77" s="35">
        <v>1018301</v>
      </c>
      <c r="L77" s="36">
        <v>3.9516331615111837</v>
      </c>
    </row>
    <row r="78" spans="1:12" s="29" customFormat="1" ht="11.25" customHeight="1" x14ac:dyDescent="0.15">
      <c r="A78" s="61"/>
      <c r="B78" s="23">
        <v>38</v>
      </c>
      <c r="C78" s="32"/>
      <c r="D78" s="33">
        <v>3836417</v>
      </c>
      <c r="E78" s="33">
        <v>187535</v>
      </c>
      <c r="F78" s="34">
        <v>4.8882850847548633</v>
      </c>
      <c r="G78" s="33">
        <v>54670</v>
      </c>
      <c r="H78" s="34">
        <v>1.4250275712989491</v>
      </c>
      <c r="I78" s="33">
        <v>132865</v>
      </c>
      <c r="J78" s="34">
        <v>3.4632575134559147</v>
      </c>
      <c r="K78" s="35">
        <v>952134</v>
      </c>
      <c r="L78" s="36">
        <v>4.0292826429893269</v>
      </c>
    </row>
    <row r="79" spans="1:12" s="29" customFormat="1" ht="11.25" customHeight="1" x14ac:dyDescent="0.15">
      <c r="A79" s="61"/>
      <c r="B79" s="23">
        <v>37</v>
      </c>
      <c r="C79" s="32"/>
      <c r="D79" s="33">
        <v>3643446</v>
      </c>
      <c r="E79" s="33">
        <v>192971</v>
      </c>
      <c r="F79" s="34">
        <v>5.2963869918752744</v>
      </c>
      <c r="G79" s="33">
        <v>47778</v>
      </c>
      <c r="H79" s="34">
        <v>1.311340966766078</v>
      </c>
      <c r="I79" s="33">
        <v>145193</v>
      </c>
      <c r="J79" s="34">
        <v>3.9850460251091966</v>
      </c>
      <c r="K79" s="35">
        <v>884176</v>
      </c>
      <c r="L79" s="36">
        <v>4.1207248330649104</v>
      </c>
    </row>
    <row r="80" spans="1:12" s="29" customFormat="1" ht="11.25" customHeight="1" x14ac:dyDescent="0.15">
      <c r="A80" s="61"/>
      <c r="B80" s="23">
        <v>36</v>
      </c>
      <c r="C80" s="32"/>
      <c r="D80" s="33">
        <v>3477556</v>
      </c>
      <c r="E80" s="33">
        <v>165890</v>
      </c>
      <c r="F80" s="34">
        <v>4.7703042021465647</v>
      </c>
      <c r="G80" s="33">
        <v>44449</v>
      </c>
      <c r="H80" s="34">
        <v>1.2781677706987322</v>
      </c>
      <c r="I80" s="33">
        <v>121441</v>
      </c>
      <c r="J80" s="34">
        <v>3.4921364314478329</v>
      </c>
      <c r="K80" s="35">
        <v>828771</v>
      </c>
      <c r="L80" s="36">
        <v>4.1960396780292744</v>
      </c>
    </row>
    <row r="81" spans="1:19" s="67" customFormat="1" ht="11.25" customHeight="1" x14ac:dyDescent="0.15">
      <c r="A81" s="62"/>
      <c r="B81" s="45" t="s">
        <v>32</v>
      </c>
      <c r="C81" s="46"/>
      <c r="D81" s="47">
        <v>3332163</v>
      </c>
      <c r="E81" s="47">
        <v>145393</v>
      </c>
      <c r="F81" s="48">
        <v>4.3633219623409776</v>
      </c>
      <c r="G81" s="47">
        <v>40148</v>
      </c>
      <c r="H81" s="48">
        <v>1.2048630274089234</v>
      </c>
      <c r="I81" s="47">
        <v>105245</v>
      </c>
      <c r="J81" s="48">
        <v>3.1584589349320549</v>
      </c>
      <c r="K81" s="57" t="s">
        <v>14</v>
      </c>
      <c r="L81" s="58" t="s">
        <v>14</v>
      </c>
    </row>
    <row r="82" spans="1:19" s="29" customFormat="1" ht="5.0999999999999996" customHeight="1" x14ac:dyDescent="0.15">
      <c r="A82" s="61"/>
      <c r="B82" s="23"/>
      <c r="C82" s="32"/>
      <c r="D82" s="33"/>
      <c r="E82" s="33"/>
      <c r="F82" s="34"/>
      <c r="G82" s="33"/>
      <c r="H82" s="34"/>
      <c r="I82" s="33"/>
      <c r="J82" s="34"/>
      <c r="K82" s="35"/>
      <c r="L82" s="36"/>
    </row>
    <row r="83" spans="1:19" s="29" customFormat="1" ht="11.25" customHeight="1" x14ac:dyDescent="0.15">
      <c r="A83" s="61"/>
      <c r="B83" s="23">
        <v>34</v>
      </c>
      <c r="C83" s="32"/>
      <c r="D83" s="33">
        <v>3208381</v>
      </c>
      <c r="E83" s="33">
        <v>123782</v>
      </c>
      <c r="F83" s="34">
        <v>3.8580829396508705</v>
      </c>
      <c r="G83" s="33">
        <v>38423</v>
      </c>
      <c r="H83" s="34">
        <v>1.1975822073500624</v>
      </c>
      <c r="I83" s="33">
        <v>85359</v>
      </c>
      <c r="J83" s="34">
        <v>2.6605007323008087</v>
      </c>
      <c r="K83" s="59" t="s">
        <v>14</v>
      </c>
      <c r="L83" s="60" t="s">
        <v>14</v>
      </c>
    </row>
    <row r="84" spans="1:19" s="29" customFormat="1" ht="11.25" customHeight="1" x14ac:dyDescent="0.15">
      <c r="A84" s="61"/>
      <c r="B84" s="23" t="s">
        <v>13</v>
      </c>
      <c r="C84" s="63"/>
      <c r="D84" s="33">
        <v>3099197</v>
      </c>
      <c r="E84" s="33">
        <v>109184</v>
      </c>
      <c r="F84" s="64" t="s">
        <v>14</v>
      </c>
      <c r="G84" s="33">
        <v>35708</v>
      </c>
      <c r="H84" s="64" t="s">
        <v>14</v>
      </c>
      <c r="I84" s="33">
        <v>73476</v>
      </c>
      <c r="J84" s="64" t="s">
        <v>14</v>
      </c>
      <c r="K84" s="65" t="s">
        <v>14</v>
      </c>
      <c r="L84" s="66" t="s">
        <v>14</v>
      </c>
    </row>
    <row r="85" spans="1:19" s="1" customFormat="1" ht="6" customHeight="1" thickBot="1" x14ac:dyDescent="0.2">
      <c r="A85" s="51"/>
      <c r="B85" s="52"/>
      <c r="C85" s="52"/>
      <c r="D85" s="53"/>
      <c r="E85" s="53"/>
      <c r="F85" s="54"/>
      <c r="G85" s="53"/>
      <c r="H85" s="54"/>
      <c r="I85" s="53"/>
      <c r="J85" s="54"/>
      <c r="K85" s="55"/>
      <c r="L85" s="56"/>
    </row>
    <row r="86" spans="1:19" s="71" customFormat="1" ht="13.5" customHeight="1" x14ac:dyDescent="0.15">
      <c r="A86" s="72" t="s">
        <v>30</v>
      </c>
      <c r="B86" s="72"/>
      <c r="C86" s="72"/>
      <c r="D86" s="72"/>
      <c r="E86" s="72"/>
      <c r="F86" s="72"/>
      <c r="G86" s="72"/>
      <c r="H86" s="72"/>
      <c r="I86" s="72"/>
      <c r="J86" s="72"/>
      <c r="K86" s="72"/>
      <c r="L86" s="72"/>
      <c r="M86" s="69"/>
      <c r="N86" s="69"/>
      <c r="O86" s="70"/>
      <c r="P86" s="70"/>
      <c r="Q86" s="70"/>
      <c r="R86" s="70"/>
      <c r="S86" s="70"/>
    </row>
  </sheetData>
  <mergeCells count="10">
    <mergeCell ref="A86:L86"/>
    <mergeCell ref="A1:L1"/>
    <mergeCell ref="A2:C2"/>
    <mergeCell ref="A3:C5"/>
    <mergeCell ref="D3:D5"/>
    <mergeCell ref="E3:E5"/>
    <mergeCell ref="K3:K5"/>
    <mergeCell ref="L3:L5"/>
    <mergeCell ref="G4:H4"/>
    <mergeCell ref="I4:J4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scale="87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第1表</vt:lpstr>
      <vt:lpstr>第1表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02-10T07:39:35Z</cp:lastPrinted>
  <dcterms:created xsi:type="dcterms:W3CDTF">2022-01-28T00:27:30Z</dcterms:created>
  <dcterms:modified xsi:type="dcterms:W3CDTF">2022-02-16T00:47:39Z</dcterms:modified>
</cp:coreProperties>
</file>